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</p:sldMasterIdLst>
  <p:notesMasterIdLst>
    <p:notesMasterId r:id="rId21"/>
  </p:notesMasterIdLst>
  <p:sldIdLst>
    <p:sldId id="270" r:id="rId4"/>
    <p:sldId id="263" r:id="rId5"/>
    <p:sldId id="272" r:id="rId6"/>
    <p:sldId id="264" r:id="rId7"/>
    <p:sldId id="265" r:id="rId8"/>
    <p:sldId id="256" r:id="rId9"/>
    <p:sldId id="257" r:id="rId10"/>
    <p:sldId id="260" r:id="rId11"/>
    <p:sldId id="266" r:id="rId12"/>
    <p:sldId id="261" r:id="rId13"/>
    <p:sldId id="267" r:id="rId14"/>
    <p:sldId id="262" r:id="rId15"/>
    <p:sldId id="269" r:id="rId16"/>
    <p:sldId id="258" r:id="rId17"/>
    <p:sldId id="259" r:id="rId18"/>
    <p:sldId id="268" r:id="rId19"/>
    <p:sldId id="271" r:id="rId2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62" autoAdjust="0"/>
  </p:normalViewPr>
  <p:slideViewPr>
    <p:cSldViewPr snapToGrid="0" showGuides="1">
      <p:cViewPr varScale="1">
        <p:scale>
          <a:sx n="96" d="100"/>
          <a:sy n="96" d="100"/>
        </p:scale>
        <p:origin x="90" y="48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3" Type="http://schemas.openxmlformats.org/officeDocument/2006/relationships/slideMaster" Target="slideMasters/slideMaster1.xml"/><Relationship Id="rId21" Type="http://schemas.openxmlformats.org/officeDocument/2006/relationships/notesMaster" Target="notesMasters/notesMaster1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slide" Target="slides/slide17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theme" Target="theme/theme1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viewProps" Target="viewProps.xml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presProps" Target="presProps.xml"/></Relationships>
</file>

<file path=ppt/diagrams/_rels/data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sv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svg"/><Relationship Id="rId2" Type="http://schemas.openxmlformats.org/officeDocument/2006/relationships/image" Target="../media/image4.svg"/><Relationship Id="rId1" Type="http://schemas.openxmlformats.org/officeDocument/2006/relationships/image" Target="../media/image3.png"/><Relationship Id="rId6" Type="http://schemas.openxmlformats.org/officeDocument/2006/relationships/image" Target="../media/image8.sv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0" Type="http://schemas.openxmlformats.org/officeDocument/2006/relationships/image" Target="../media/image12.svg"/><Relationship Id="rId4" Type="http://schemas.openxmlformats.org/officeDocument/2006/relationships/image" Target="../media/image6.svg"/><Relationship Id="rId9" Type="http://schemas.openxmlformats.org/officeDocument/2006/relationships/image" Target="../media/image11.png"/></Relationships>
</file>

<file path=ppt/diagrams/_rels/data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sv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2" Type="http://schemas.openxmlformats.org/officeDocument/2006/relationships/image" Target="../media/image22.svg"/><Relationship Id="rId1" Type="http://schemas.openxmlformats.org/officeDocument/2006/relationships/image" Target="../media/image21.png"/><Relationship Id="rId6" Type="http://schemas.openxmlformats.org/officeDocument/2006/relationships/image" Target="../media/image26.svg"/><Relationship Id="rId5" Type="http://schemas.openxmlformats.org/officeDocument/2006/relationships/image" Target="../media/image25.png"/><Relationship Id="rId10" Type="http://schemas.openxmlformats.org/officeDocument/2006/relationships/image" Target="../media/image30.svg"/><Relationship Id="rId4" Type="http://schemas.openxmlformats.org/officeDocument/2006/relationships/image" Target="../media/image24.svg"/><Relationship Id="rId9" Type="http://schemas.openxmlformats.org/officeDocument/2006/relationships/image" Target="../media/image29.png"/></Relationships>
</file>

<file path=ppt/diagrams/_rels/drawing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sv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svg"/><Relationship Id="rId2" Type="http://schemas.openxmlformats.org/officeDocument/2006/relationships/image" Target="../media/image4.svg"/><Relationship Id="rId1" Type="http://schemas.openxmlformats.org/officeDocument/2006/relationships/image" Target="../media/image3.png"/><Relationship Id="rId6" Type="http://schemas.openxmlformats.org/officeDocument/2006/relationships/image" Target="../media/image8.sv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0" Type="http://schemas.openxmlformats.org/officeDocument/2006/relationships/image" Target="../media/image12.svg"/><Relationship Id="rId4" Type="http://schemas.openxmlformats.org/officeDocument/2006/relationships/image" Target="../media/image6.svg"/><Relationship Id="rId9" Type="http://schemas.openxmlformats.org/officeDocument/2006/relationships/image" Target="../media/image11.png"/></Relationships>
</file>

<file path=ppt/diagrams/_rels/drawing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sv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2" Type="http://schemas.openxmlformats.org/officeDocument/2006/relationships/image" Target="../media/image22.svg"/><Relationship Id="rId1" Type="http://schemas.openxmlformats.org/officeDocument/2006/relationships/image" Target="../media/image21.png"/><Relationship Id="rId6" Type="http://schemas.openxmlformats.org/officeDocument/2006/relationships/image" Target="../media/image26.svg"/><Relationship Id="rId5" Type="http://schemas.openxmlformats.org/officeDocument/2006/relationships/image" Target="../media/image25.png"/><Relationship Id="rId10" Type="http://schemas.openxmlformats.org/officeDocument/2006/relationships/image" Target="../media/image30.svg"/><Relationship Id="rId4" Type="http://schemas.openxmlformats.org/officeDocument/2006/relationships/image" Target="../media/image24.svg"/><Relationship Id="rId9" Type="http://schemas.openxmlformats.org/officeDocument/2006/relationships/image" Target="../media/image29.pn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0962B322-1092-4B00-B91A-E75DD7A1EE75}" type="doc">
      <dgm:prSet loTypeId="urn:microsoft.com/office/officeart/2018/2/layout/IconVerticalSolidList" loCatId="icon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67A59A2F-970F-4068-8A47-8F82CB25D895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dirty="0"/>
            <a:t>Erkendelse af behov for nyt system.</a:t>
          </a:r>
          <a:endParaRPr lang="en-US" dirty="0"/>
        </a:p>
      </dgm:t>
    </dgm:pt>
    <dgm:pt modelId="{E8D484B5-4E47-4E89-ABB8-B8C161C1B100}" type="parTrans" cxnId="{430EDE7B-51B9-45CF-B36B-F49842B57FA0}">
      <dgm:prSet/>
      <dgm:spPr/>
      <dgm:t>
        <a:bodyPr/>
        <a:lstStyle/>
        <a:p>
          <a:endParaRPr lang="en-US"/>
        </a:p>
      </dgm:t>
    </dgm:pt>
    <dgm:pt modelId="{4C62FDFF-7187-4E8F-8615-8F758B7F0291}" type="sibTrans" cxnId="{430EDE7B-51B9-45CF-B36B-F49842B57FA0}">
      <dgm:prSet/>
      <dgm:spPr/>
      <dgm:t>
        <a:bodyPr/>
        <a:lstStyle/>
        <a:p>
          <a:endParaRPr lang="en-US"/>
        </a:p>
      </dgm:t>
    </dgm:pt>
    <dgm:pt modelId="{FA3B0E25-7C3D-4796-AB45-2F85AA446157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dirty="0"/>
            <a:t>Nedsættelse af arbejdsgruppe på SDU. </a:t>
          </a:r>
          <a:endParaRPr lang="en-US" dirty="0"/>
        </a:p>
      </dgm:t>
    </dgm:pt>
    <dgm:pt modelId="{A5F3E711-2BE2-490B-A704-F87625B30EC5}" type="parTrans" cxnId="{C7C7F136-D454-4F18-8DED-FAE8FD543C0A}">
      <dgm:prSet/>
      <dgm:spPr/>
      <dgm:t>
        <a:bodyPr/>
        <a:lstStyle/>
        <a:p>
          <a:endParaRPr lang="en-US"/>
        </a:p>
      </dgm:t>
    </dgm:pt>
    <dgm:pt modelId="{EA4EDD71-EE15-49A8-B886-6DD50A72966E}" type="sibTrans" cxnId="{C7C7F136-D454-4F18-8DED-FAE8FD543C0A}">
      <dgm:prSet/>
      <dgm:spPr/>
      <dgm:t>
        <a:bodyPr/>
        <a:lstStyle/>
        <a:p>
          <a:endParaRPr lang="en-US"/>
        </a:p>
      </dgm:t>
    </dgm:pt>
    <dgm:pt modelId="{9F5948C7-5D37-449A-90EE-194EBDC56D65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dirty="0"/>
            <a:t>Undersøgelse af markedet. </a:t>
          </a:r>
          <a:endParaRPr lang="en-US" dirty="0"/>
        </a:p>
      </dgm:t>
    </dgm:pt>
    <dgm:pt modelId="{63576F88-32EA-489A-9EAB-01CFB1CEE710}" type="parTrans" cxnId="{64515EBD-DAE8-4D04-89E6-0619E3CC7315}">
      <dgm:prSet/>
      <dgm:spPr/>
      <dgm:t>
        <a:bodyPr/>
        <a:lstStyle/>
        <a:p>
          <a:endParaRPr lang="en-US"/>
        </a:p>
      </dgm:t>
    </dgm:pt>
    <dgm:pt modelId="{1FD94F82-B1E1-49F0-8D83-1F46DBE58E40}" type="sibTrans" cxnId="{64515EBD-DAE8-4D04-89E6-0619E3CC7315}">
      <dgm:prSet/>
      <dgm:spPr/>
      <dgm:t>
        <a:bodyPr/>
        <a:lstStyle/>
        <a:p>
          <a:endParaRPr lang="en-US"/>
        </a:p>
      </dgm:t>
    </dgm:pt>
    <dgm:pt modelId="{9CBDF461-1741-4DF7-A1D9-2B7F5121B91F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dirty="0"/>
            <a:t>Valg af system. </a:t>
          </a:r>
          <a:endParaRPr lang="en-US" dirty="0"/>
        </a:p>
      </dgm:t>
    </dgm:pt>
    <dgm:pt modelId="{87AB60A2-C518-4200-A400-5F50164F7009}" type="parTrans" cxnId="{B601DE27-2ECA-49D1-9F97-43A3C4E1B4EE}">
      <dgm:prSet/>
      <dgm:spPr/>
      <dgm:t>
        <a:bodyPr/>
        <a:lstStyle/>
        <a:p>
          <a:endParaRPr lang="en-US"/>
        </a:p>
      </dgm:t>
    </dgm:pt>
    <dgm:pt modelId="{116458FE-4842-4B98-A259-08BDFCE24863}" type="sibTrans" cxnId="{B601DE27-2ECA-49D1-9F97-43A3C4E1B4EE}">
      <dgm:prSet/>
      <dgm:spPr/>
      <dgm:t>
        <a:bodyPr/>
        <a:lstStyle/>
        <a:p>
          <a:endParaRPr lang="en-US"/>
        </a:p>
      </dgm:t>
    </dgm:pt>
    <dgm:pt modelId="{2A4AE5A5-D3EC-4EF3-8494-A09D6E5CF102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dirty="0"/>
            <a:t>Indledende møde med leverandør. </a:t>
          </a:r>
          <a:endParaRPr lang="en-US" dirty="0"/>
        </a:p>
      </dgm:t>
    </dgm:pt>
    <dgm:pt modelId="{AEBFC45B-8B78-4E98-875F-921AAEF2A8EB}" type="parTrans" cxnId="{C941D1A4-6771-43A6-9005-1B299F3435E8}">
      <dgm:prSet/>
      <dgm:spPr/>
      <dgm:t>
        <a:bodyPr/>
        <a:lstStyle/>
        <a:p>
          <a:endParaRPr lang="en-US"/>
        </a:p>
      </dgm:t>
    </dgm:pt>
    <dgm:pt modelId="{6B865874-C5C9-49CD-918D-B99C4684714B}" type="sibTrans" cxnId="{C941D1A4-6771-43A6-9005-1B299F3435E8}">
      <dgm:prSet/>
      <dgm:spPr/>
      <dgm:t>
        <a:bodyPr/>
        <a:lstStyle/>
        <a:p>
          <a:endParaRPr lang="en-US"/>
        </a:p>
      </dgm:t>
    </dgm:pt>
    <dgm:pt modelId="{D1913DEC-CD05-45CE-915F-1A1EAD6CB2BD}">
      <dgm:prSet/>
      <dgm:spPr/>
      <dgm:t>
        <a:bodyPr/>
        <a:lstStyle/>
        <a:p>
          <a:pPr>
            <a:lnSpc>
              <a:spcPct val="100000"/>
            </a:lnSpc>
          </a:pPr>
          <a:r>
            <a:rPr lang="da-DK" dirty="0"/>
            <a:t>Tilbud på system. </a:t>
          </a:r>
          <a:endParaRPr lang="en-US" dirty="0"/>
        </a:p>
      </dgm:t>
    </dgm:pt>
    <dgm:pt modelId="{D09C0168-D7F5-4EC0-B131-E2DD0011AE56}" type="parTrans" cxnId="{B432E0D5-B1AE-4F66-B021-510FE14F2897}">
      <dgm:prSet/>
      <dgm:spPr/>
      <dgm:t>
        <a:bodyPr/>
        <a:lstStyle/>
        <a:p>
          <a:endParaRPr lang="en-US"/>
        </a:p>
      </dgm:t>
    </dgm:pt>
    <dgm:pt modelId="{49395D36-345A-4C13-A2CC-6A7BD624D9E5}" type="sibTrans" cxnId="{B432E0D5-B1AE-4F66-B021-510FE14F2897}">
      <dgm:prSet/>
      <dgm:spPr/>
      <dgm:t>
        <a:bodyPr/>
        <a:lstStyle/>
        <a:p>
          <a:endParaRPr lang="en-US"/>
        </a:p>
      </dgm:t>
    </dgm:pt>
    <dgm:pt modelId="{2161160D-4240-4EA3-B878-5E352B7CD414}" type="pres">
      <dgm:prSet presAssocID="{0962B322-1092-4B00-B91A-E75DD7A1EE75}" presName="root" presStyleCnt="0">
        <dgm:presLayoutVars>
          <dgm:dir/>
          <dgm:resizeHandles val="exact"/>
        </dgm:presLayoutVars>
      </dgm:prSet>
      <dgm:spPr/>
    </dgm:pt>
    <dgm:pt modelId="{8A96C46E-D946-4FC8-A5D9-C9F2ECCCB91A}" type="pres">
      <dgm:prSet presAssocID="{67A59A2F-970F-4068-8A47-8F82CB25D895}" presName="compNode" presStyleCnt="0"/>
      <dgm:spPr/>
    </dgm:pt>
    <dgm:pt modelId="{E1F2D18E-DB5C-476F-8B48-91E4DE508D5B}" type="pres">
      <dgm:prSet presAssocID="{67A59A2F-970F-4068-8A47-8F82CB25D895}" presName="bgRect" presStyleLbl="bgShp" presStyleIdx="0" presStyleCnt="6"/>
      <dgm:spPr/>
    </dgm:pt>
    <dgm:pt modelId="{6D739BE2-0461-4E11-96CB-2BFAB3AB7C98}" type="pres">
      <dgm:prSet presAssocID="{67A59A2F-970F-4068-8A47-8F82CB25D895}" presName="iconRect" presStyleLbl="node1" presStyleIdx="0" presStyleCnt="6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Venn Diagram"/>
        </a:ext>
      </dgm:extLst>
    </dgm:pt>
    <dgm:pt modelId="{BC7E2329-3079-4B4A-A310-C5F9096C1A2F}" type="pres">
      <dgm:prSet presAssocID="{67A59A2F-970F-4068-8A47-8F82CB25D895}" presName="spaceRect" presStyleCnt="0"/>
      <dgm:spPr/>
    </dgm:pt>
    <dgm:pt modelId="{6AD2EE8E-0D2D-42B7-9663-3B6E3DDB1D96}" type="pres">
      <dgm:prSet presAssocID="{67A59A2F-970F-4068-8A47-8F82CB25D895}" presName="parTx" presStyleLbl="revTx" presStyleIdx="0" presStyleCnt="6">
        <dgm:presLayoutVars>
          <dgm:chMax val="0"/>
          <dgm:chPref val="0"/>
        </dgm:presLayoutVars>
      </dgm:prSet>
      <dgm:spPr/>
    </dgm:pt>
    <dgm:pt modelId="{14B200DD-CDC9-442C-948B-3049855C1EB5}" type="pres">
      <dgm:prSet presAssocID="{4C62FDFF-7187-4E8F-8615-8F758B7F0291}" presName="sibTrans" presStyleCnt="0"/>
      <dgm:spPr/>
    </dgm:pt>
    <dgm:pt modelId="{EAE6D402-4AD4-4DFA-87BA-869C251BAFEA}" type="pres">
      <dgm:prSet presAssocID="{FA3B0E25-7C3D-4796-AB45-2F85AA446157}" presName="compNode" presStyleCnt="0"/>
      <dgm:spPr/>
    </dgm:pt>
    <dgm:pt modelId="{826CAC0F-B246-49F3-9BFA-016BA8AA4339}" type="pres">
      <dgm:prSet presAssocID="{FA3B0E25-7C3D-4796-AB45-2F85AA446157}" presName="bgRect" presStyleLbl="bgShp" presStyleIdx="1" presStyleCnt="6"/>
      <dgm:spPr/>
    </dgm:pt>
    <dgm:pt modelId="{3EB00A56-4935-47B4-850B-D63A83DBA0D1}" type="pres">
      <dgm:prSet presAssocID="{FA3B0E25-7C3D-4796-AB45-2F85AA446157}" presName="iconRect" presStyleLbl="node1" presStyleIdx="1" presStyleCnt="6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IV"/>
        </a:ext>
      </dgm:extLst>
    </dgm:pt>
    <dgm:pt modelId="{4BBE55E0-0F3D-4AF2-A6B9-85B9510D8CF9}" type="pres">
      <dgm:prSet presAssocID="{FA3B0E25-7C3D-4796-AB45-2F85AA446157}" presName="spaceRect" presStyleCnt="0"/>
      <dgm:spPr/>
    </dgm:pt>
    <dgm:pt modelId="{81D817E3-0D41-4817-A71A-4968681B118B}" type="pres">
      <dgm:prSet presAssocID="{FA3B0E25-7C3D-4796-AB45-2F85AA446157}" presName="parTx" presStyleLbl="revTx" presStyleIdx="1" presStyleCnt="6">
        <dgm:presLayoutVars>
          <dgm:chMax val="0"/>
          <dgm:chPref val="0"/>
        </dgm:presLayoutVars>
      </dgm:prSet>
      <dgm:spPr/>
    </dgm:pt>
    <dgm:pt modelId="{5F0A021A-C01C-4D68-96A0-F6C4450CD2FB}" type="pres">
      <dgm:prSet presAssocID="{EA4EDD71-EE15-49A8-B886-6DD50A72966E}" presName="sibTrans" presStyleCnt="0"/>
      <dgm:spPr/>
    </dgm:pt>
    <dgm:pt modelId="{3FD67B4E-D489-442D-B862-31D12DDCBC8E}" type="pres">
      <dgm:prSet presAssocID="{9F5948C7-5D37-449A-90EE-194EBDC56D65}" presName="compNode" presStyleCnt="0"/>
      <dgm:spPr/>
    </dgm:pt>
    <dgm:pt modelId="{76EFCC0C-4473-43AE-AA32-FFA688DD28F3}" type="pres">
      <dgm:prSet presAssocID="{9F5948C7-5D37-449A-90EE-194EBDC56D65}" presName="bgRect" presStyleLbl="bgShp" presStyleIdx="2" presStyleCnt="6"/>
      <dgm:spPr/>
    </dgm:pt>
    <dgm:pt modelId="{E9B41BFA-7E99-4F22-940A-92F54F8C38ED}" type="pres">
      <dgm:prSet presAssocID="{9F5948C7-5D37-449A-90EE-194EBDC56D65}" presName="iconRect" presStyleLbl="node1" presStyleIdx="2" presStyleCnt="6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Magnifying glass"/>
        </a:ext>
      </dgm:extLst>
    </dgm:pt>
    <dgm:pt modelId="{14E1227C-7E47-4511-9273-5693BDE5F503}" type="pres">
      <dgm:prSet presAssocID="{9F5948C7-5D37-449A-90EE-194EBDC56D65}" presName="spaceRect" presStyleCnt="0"/>
      <dgm:spPr/>
    </dgm:pt>
    <dgm:pt modelId="{1A4C2F32-F5E7-4E7E-8C2C-BA07C18983D8}" type="pres">
      <dgm:prSet presAssocID="{9F5948C7-5D37-449A-90EE-194EBDC56D65}" presName="parTx" presStyleLbl="revTx" presStyleIdx="2" presStyleCnt="6">
        <dgm:presLayoutVars>
          <dgm:chMax val="0"/>
          <dgm:chPref val="0"/>
        </dgm:presLayoutVars>
      </dgm:prSet>
      <dgm:spPr/>
    </dgm:pt>
    <dgm:pt modelId="{3BB5BE5A-82FD-4350-BA52-E339B3110D43}" type="pres">
      <dgm:prSet presAssocID="{1FD94F82-B1E1-49F0-8D83-1F46DBE58E40}" presName="sibTrans" presStyleCnt="0"/>
      <dgm:spPr/>
    </dgm:pt>
    <dgm:pt modelId="{C276CA09-5FDE-42DE-804B-8959E72E4EFA}" type="pres">
      <dgm:prSet presAssocID="{9CBDF461-1741-4DF7-A1D9-2B7F5121B91F}" presName="compNode" presStyleCnt="0"/>
      <dgm:spPr/>
    </dgm:pt>
    <dgm:pt modelId="{3BDC149A-645A-49F9-8512-4C9F2DC4F3D0}" type="pres">
      <dgm:prSet presAssocID="{9CBDF461-1741-4DF7-A1D9-2B7F5121B91F}" presName="bgRect" presStyleLbl="bgShp" presStyleIdx="3" presStyleCnt="6"/>
      <dgm:spPr/>
    </dgm:pt>
    <dgm:pt modelId="{7624D15B-47F9-4BCA-957A-E2112BAABE03}" type="pres">
      <dgm:prSet presAssocID="{9CBDF461-1741-4DF7-A1D9-2B7F5121B91F}" presName="iconRect" presStyleLbl="node1" presStyleIdx="3" presStyleCnt="6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Decision chart"/>
        </a:ext>
      </dgm:extLst>
    </dgm:pt>
    <dgm:pt modelId="{0EC1F5A3-8D40-4692-803A-E96003220153}" type="pres">
      <dgm:prSet presAssocID="{9CBDF461-1741-4DF7-A1D9-2B7F5121B91F}" presName="spaceRect" presStyleCnt="0"/>
      <dgm:spPr/>
    </dgm:pt>
    <dgm:pt modelId="{8325314F-7E91-476B-AC5B-F922D4ADCFEC}" type="pres">
      <dgm:prSet presAssocID="{9CBDF461-1741-4DF7-A1D9-2B7F5121B91F}" presName="parTx" presStyleLbl="revTx" presStyleIdx="3" presStyleCnt="6">
        <dgm:presLayoutVars>
          <dgm:chMax val="0"/>
          <dgm:chPref val="0"/>
        </dgm:presLayoutVars>
      </dgm:prSet>
      <dgm:spPr/>
    </dgm:pt>
    <dgm:pt modelId="{642580CC-9C43-4AAB-8610-DB7B20476EFF}" type="pres">
      <dgm:prSet presAssocID="{116458FE-4842-4B98-A259-08BDFCE24863}" presName="sibTrans" presStyleCnt="0"/>
      <dgm:spPr/>
    </dgm:pt>
    <dgm:pt modelId="{9105CE3C-C61B-431C-8982-299D4122EB1C}" type="pres">
      <dgm:prSet presAssocID="{2A4AE5A5-D3EC-4EF3-8494-A09D6E5CF102}" presName="compNode" presStyleCnt="0"/>
      <dgm:spPr/>
    </dgm:pt>
    <dgm:pt modelId="{2147313D-32A7-448B-BD28-2C71F395F94A}" type="pres">
      <dgm:prSet presAssocID="{2A4AE5A5-D3EC-4EF3-8494-A09D6E5CF102}" presName="bgRect" presStyleLbl="bgShp" presStyleIdx="4" presStyleCnt="6"/>
      <dgm:spPr/>
    </dgm:pt>
    <dgm:pt modelId="{FD333FEE-60DF-495A-BF4A-588C6C1364CE}" type="pres">
      <dgm:prSet presAssocID="{2A4AE5A5-D3EC-4EF3-8494-A09D6E5CF102}" presName="iconRect" presStyleLbl="node1" presStyleIdx="4" presStyleCnt="6"/>
      <dgm:spPr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Handshake"/>
        </a:ext>
      </dgm:extLst>
    </dgm:pt>
    <dgm:pt modelId="{0731A993-E8C9-4763-B871-32741A3CE20F}" type="pres">
      <dgm:prSet presAssocID="{2A4AE5A5-D3EC-4EF3-8494-A09D6E5CF102}" presName="spaceRect" presStyleCnt="0"/>
      <dgm:spPr/>
    </dgm:pt>
    <dgm:pt modelId="{060C214A-A0AA-4BDE-87EB-550C37810F1B}" type="pres">
      <dgm:prSet presAssocID="{2A4AE5A5-D3EC-4EF3-8494-A09D6E5CF102}" presName="parTx" presStyleLbl="revTx" presStyleIdx="4" presStyleCnt="6">
        <dgm:presLayoutVars>
          <dgm:chMax val="0"/>
          <dgm:chPref val="0"/>
        </dgm:presLayoutVars>
      </dgm:prSet>
      <dgm:spPr/>
    </dgm:pt>
    <dgm:pt modelId="{204CC4B9-D447-42B0-9192-A33A3A44A579}" type="pres">
      <dgm:prSet presAssocID="{6B865874-C5C9-49CD-918D-B99C4684714B}" presName="sibTrans" presStyleCnt="0"/>
      <dgm:spPr/>
    </dgm:pt>
    <dgm:pt modelId="{2C9C69B1-6920-43FB-AAC2-01217FBC278A}" type="pres">
      <dgm:prSet presAssocID="{D1913DEC-CD05-45CE-915F-1A1EAD6CB2BD}" presName="compNode" presStyleCnt="0"/>
      <dgm:spPr/>
    </dgm:pt>
    <dgm:pt modelId="{F2A277E8-EE7D-4263-BCEB-3071DE6CCD6C}" type="pres">
      <dgm:prSet presAssocID="{D1913DEC-CD05-45CE-915F-1A1EAD6CB2BD}" presName="bgRect" presStyleLbl="bgShp" presStyleIdx="5" presStyleCnt="6"/>
      <dgm:spPr/>
    </dgm:pt>
    <dgm:pt modelId="{DEAA4579-04E2-4AB7-89D6-01EEFCDB2C1A}" type="pres">
      <dgm:prSet presAssocID="{D1913DEC-CD05-45CE-915F-1A1EAD6CB2BD}" presName="iconRect" presStyleLbl="node1" presStyleIdx="5" presStyleCnt="6"/>
      <dgm:spPr>
        <a:blipFill>
          <a:blip xmlns:r="http://schemas.openxmlformats.org/officeDocument/2006/relationships"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Football"/>
        </a:ext>
      </dgm:extLst>
    </dgm:pt>
    <dgm:pt modelId="{B039FACC-0A7F-4702-ADD0-61EF6AE443EE}" type="pres">
      <dgm:prSet presAssocID="{D1913DEC-CD05-45CE-915F-1A1EAD6CB2BD}" presName="spaceRect" presStyleCnt="0"/>
      <dgm:spPr/>
    </dgm:pt>
    <dgm:pt modelId="{575B22AA-498F-4019-B0CE-AC77BB3FBB74}" type="pres">
      <dgm:prSet presAssocID="{D1913DEC-CD05-45CE-915F-1A1EAD6CB2BD}" presName="parTx" presStyleLbl="revTx" presStyleIdx="5" presStyleCnt="6">
        <dgm:presLayoutVars>
          <dgm:chMax val="0"/>
          <dgm:chPref val="0"/>
        </dgm:presLayoutVars>
      </dgm:prSet>
      <dgm:spPr/>
    </dgm:pt>
  </dgm:ptLst>
  <dgm:cxnLst>
    <dgm:cxn modelId="{B0EC0416-0641-45B3-BB46-900ECE6F55E2}" type="presOf" srcId="{9CBDF461-1741-4DF7-A1D9-2B7F5121B91F}" destId="{8325314F-7E91-476B-AC5B-F922D4ADCFEC}" srcOrd="0" destOrd="0" presId="urn:microsoft.com/office/officeart/2018/2/layout/IconVerticalSolidList"/>
    <dgm:cxn modelId="{B601DE27-2ECA-49D1-9F97-43A3C4E1B4EE}" srcId="{0962B322-1092-4B00-B91A-E75DD7A1EE75}" destId="{9CBDF461-1741-4DF7-A1D9-2B7F5121B91F}" srcOrd="3" destOrd="0" parTransId="{87AB60A2-C518-4200-A400-5F50164F7009}" sibTransId="{116458FE-4842-4B98-A259-08BDFCE24863}"/>
    <dgm:cxn modelId="{C7C7F136-D454-4F18-8DED-FAE8FD543C0A}" srcId="{0962B322-1092-4B00-B91A-E75DD7A1EE75}" destId="{FA3B0E25-7C3D-4796-AB45-2F85AA446157}" srcOrd="1" destOrd="0" parTransId="{A5F3E711-2BE2-490B-A704-F87625B30EC5}" sibTransId="{EA4EDD71-EE15-49A8-B886-6DD50A72966E}"/>
    <dgm:cxn modelId="{E5C6AE6F-61B4-40FB-8272-D683E90ADEA5}" type="presOf" srcId="{9F5948C7-5D37-449A-90EE-194EBDC56D65}" destId="{1A4C2F32-F5E7-4E7E-8C2C-BA07C18983D8}" srcOrd="0" destOrd="0" presId="urn:microsoft.com/office/officeart/2018/2/layout/IconVerticalSolidList"/>
    <dgm:cxn modelId="{430EDE7B-51B9-45CF-B36B-F49842B57FA0}" srcId="{0962B322-1092-4B00-B91A-E75DD7A1EE75}" destId="{67A59A2F-970F-4068-8A47-8F82CB25D895}" srcOrd="0" destOrd="0" parTransId="{E8D484B5-4E47-4E89-ABB8-B8C161C1B100}" sibTransId="{4C62FDFF-7187-4E8F-8615-8F758B7F0291}"/>
    <dgm:cxn modelId="{C941D1A4-6771-43A6-9005-1B299F3435E8}" srcId="{0962B322-1092-4B00-B91A-E75DD7A1EE75}" destId="{2A4AE5A5-D3EC-4EF3-8494-A09D6E5CF102}" srcOrd="4" destOrd="0" parTransId="{AEBFC45B-8B78-4E98-875F-921AAEF2A8EB}" sibTransId="{6B865874-C5C9-49CD-918D-B99C4684714B}"/>
    <dgm:cxn modelId="{46A5E6A4-0EAF-4A30-B7C2-A29DEF85549D}" type="presOf" srcId="{FA3B0E25-7C3D-4796-AB45-2F85AA446157}" destId="{81D817E3-0D41-4817-A71A-4968681B118B}" srcOrd="0" destOrd="0" presId="urn:microsoft.com/office/officeart/2018/2/layout/IconVerticalSolidList"/>
    <dgm:cxn modelId="{71909EB8-643E-483E-9364-A6253B19E320}" type="presOf" srcId="{D1913DEC-CD05-45CE-915F-1A1EAD6CB2BD}" destId="{575B22AA-498F-4019-B0CE-AC77BB3FBB74}" srcOrd="0" destOrd="0" presId="urn:microsoft.com/office/officeart/2018/2/layout/IconVerticalSolidList"/>
    <dgm:cxn modelId="{64515EBD-DAE8-4D04-89E6-0619E3CC7315}" srcId="{0962B322-1092-4B00-B91A-E75DD7A1EE75}" destId="{9F5948C7-5D37-449A-90EE-194EBDC56D65}" srcOrd="2" destOrd="0" parTransId="{63576F88-32EA-489A-9EAB-01CFB1CEE710}" sibTransId="{1FD94F82-B1E1-49F0-8D83-1F46DBE58E40}"/>
    <dgm:cxn modelId="{945344CA-5AC8-45FE-BD27-DDF80796B5CE}" type="presOf" srcId="{0962B322-1092-4B00-B91A-E75DD7A1EE75}" destId="{2161160D-4240-4EA3-B878-5E352B7CD414}" srcOrd="0" destOrd="0" presId="urn:microsoft.com/office/officeart/2018/2/layout/IconVerticalSolidList"/>
    <dgm:cxn modelId="{1E1352CE-42BD-4B26-A67C-59E54506F170}" type="presOf" srcId="{67A59A2F-970F-4068-8A47-8F82CB25D895}" destId="{6AD2EE8E-0D2D-42B7-9663-3B6E3DDB1D96}" srcOrd="0" destOrd="0" presId="urn:microsoft.com/office/officeart/2018/2/layout/IconVerticalSolidList"/>
    <dgm:cxn modelId="{C95BA5D1-22CB-4E07-B6B4-EB0F0A70EE83}" type="presOf" srcId="{2A4AE5A5-D3EC-4EF3-8494-A09D6E5CF102}" destId="{060C214A-A0AA-4BDE-87EB-550C37810F1B}" srcOrd="0" destOrd="0" presId="urn:microsoft.com/office/officeart/2018/2/layout/IconVerticalSolidList"/>
    <dgm:cxn modelId="{B432E0D5-B1AE-4F66-B021-510FE14F2897}" srcId="{0962B322-1092-4B00-B91A-E75DD7A1EE75}" destId="{D1913DEC-CD05-45CE-915F-1A1EAD6CB2BD}" srcOrd="5" destOrd="0" parTransId="{D09C0168-D7F5-4EC0-B131-E2DD0011AE56}" sibTransId="{49395D36-345A-4C13-A2CC-6A7BD624D9E5}"/>
    <dgm:cxn modelId="{DA47F8C7-98B0-4354-80E6-4C87BBF7356C}" type="presParOf" srcId="{2161160D-4240-4EA3-B878-5E352B7CD414}" destId="{8A96C46E-D946-4FC8-A5D9-C9F2ECCCB91A}" srcOrd="0" destOrd="0" presId="urn:microsoft.com/office/officeart/2018/2/layout/IconVerticalSolidList"/>
    <dgm:cxn modelId="{3ED984C0-C672-4FE1-BC07-00B0F8D35BFC}" type="presParOf" srcId="{8A96C46E-D946-4FC8-A5D9-C9F2ECCCB91A}" destId="{E1F2D18E-DB5C-476F-8B48-91E4DE508D5B}" srcOrd="0" destOrd="0" presId="urn:microsoft.com/office/officeart/2018/2/layout/IconVerticalSolidList"/>
    <dgm:cxn modelId="{78909474-84B1-4698-87A2-BBBE337B4C10}" type="presParOf" srcId="{8A96C46E-D946-4FC8-A5D9-C9F2ECCCB91A}" destId="{6D739BE2-0461-4E11-96CB-2BFAB3AB7C98}" srcOrd="1" destOrd="0" presId="urn:microsoft.com/office/officeart/2018/2/layout/IconVerticalSolidList"/>
    <dgm:cxn modelId="{26414ACA-E94E-4AE2-AE38-7F547ECC5BB8}" type="presParOf" srcId="{8A96C46E-D946-4FC8-A5D9-C9F2ECCCB91A}" destId="{BC7E2329-3079-4B4A-A310-C5F9096C1A2F}" srcOrd="2" destOrd="0" presId="urn:microsoft.com/office/officeart/2018/2/layout/IconVerticalSolidList"/>
    <dgm:cxn modelId="{83FDCF11-B1AF-4131-A9C8-55988FE2838F}" type="presParOf" srcId="{8A96C46E-D946-4FC8-A5D9-C9F2ECCCB91A}" destId="{6AD2EE8E-0D2D-42B7-9663-3B6E3DDB1D96}" srcOrd="3" destOrd="0" presId="urn:microsoft.com/office/officeart/2018/2/layout/IconVerticalSolidList"/>
    <dgm:cxn modelId="{465A8C49-22B1-4B9F-A90C-296BFE4C7364}" type="presParOf" srcId="{2161160D-4240-4EA3-B878-5E352B7CD414}" destId="{14B200DD-CDC9-442C-948B-3049855C1EB5}" srcOrd="1" destOrd="0" presId="urn:microsoft.com/office/officeart/2018/2/layout/IconVerticalSolidList"/>
    <dgm:cxn modelId="{9353C2F0-AE2E-4A11-9426-669685A41E7E}" type="presParOf" srcId="{2161160D-4240-4EA3-B878-5E352B7CD414}" destId="{EAE6D402-4AD4-4DFA-87BA-869C251BAFEA}" srcOrd="2" destOrd="0" presId="urn:microsoft.com/office/officeart/2018/2/layout/IconVerticalSolidList"/>
    <dgm:cxn modelId="{C82602E8-8BB8-47DD-9264-EAB55D4AF6C9}" type="presParOf" srcId="{EAE6D402-4AD4-4DFA-87BA-869C251BAFEA}" destId="{826CAC0F-B246-49F3-9BFA-016BA8AA4339}" srcOrd="0" destOrd="0" presId="urn:microsoft.com/office/officeart/2018/2/layout/IconVerticalSolidList"/>
    <dgm:cxn modelId="{BFC10CDF-A238-4B74-A4B5-BF024311C83B}" type="presParOf" srcId="{EAE6D402-4AD4-4DFA-87BA-869C251BAFEA}" destId="{3EB00A56-4935-47B4-850B-D63A83DBA0D1}" srcOrd="1" destOrd="0" presId="urn:microsoft.com/office/officeart/2018/2/layout/IconVerticalSolidList"/>
    <dgm:cxn modelId="{B883DE76-BC6E-4AF2-B98B-D5FC1A62FC6A}" type="presParOf" srcId="{EAE6D402-4AD4-4DFA-87BA-869C251BAFEA}" destId="{4BBE55E0-0F3D-4AF2-A6B9-85B9510D8CF9}" srcOrd="2" destOrd="0" presId="urn:microsoft.com/office/officeart/2018/2/layout/IconVerticalSolidList"/>
    <dgm:cxn modelId="{BF35098F-9000-484A-AB4C-243C82B8E100}" type="presParOf" srcId="{EAE6D402-4AD4-4DFA-87BA-869C251BAFEA}" destId="{81D817E3-0D41-4817-A71A-4968681B118B}" srcOrd="3" destOrd="0" presId="urn:microsoft.com/office/officeart/2018/2/layout/IconVerticalSolidList"/>
    <dgm:cxn modelId="{11E96B25-925C-4735-9530-A594F2421334}" type="presParOf" srcId="{2161160D-4240-4EA3-B878-5E352B7CD414}" destId="{5F0A021A-C01C-4D68-96A0-F6C4450CD2FB}" srcOrd="3" destOrd="0" presId="urn:microsoft.com/office/officeart/2018/2/layout/IconVerticalSolidList"/>
    <dgm:cxn modelId="{05E911D2-FDB4-4647-AA35-14FB043D8E37}" type="presParOf" srcId="{2161160D-4240-4EA3-B878-5E352B7CD414}" destId="{3FD67B4E-D489-442D-B862-31D12DDCBC8E}" srcOrd="4" destOrd="0" presId="urn:microsoft.com/office/officeart/2018/2/layout/IconVerticalSolidList"/>
    <dgm:cxn modelId="{EA0B58C8-B2D2-4639-A8EE-5D923A9ABA91}" type="presParOf" srcId="{3FD67B4E-D489-442D-B862-31D12DDCBC8E}" destId="{76EFCC0C-4473-43AE-AA32-FFA688DD28F3}" srcOrd="0" destOrd="0" presId="urn:microsoft.com/office/officeart/2018/2/layout/IconVerticalSolidList"/>
    <dgm:cxn modelId="{4267B0F0-0466-4EEC-9AE1-8F6EC31FEF71}" type="presParOf" srcId="{3FD67B4E-D489-442D-B862-31D12DDCBC8E}" destId="{E9B41BFA-7E99-4F22-940A-92F54F8C38ED}" srcOrd="1" destOrd="0" presId="urn:microsoft.com/office/officeart/2018/2/layout/IconVerticalSolidList"/>
    <dgm:cxn modelId="{09635723-3708-4AE2-BE17-C813545353EA}" type="presParOf" srcId="{3FD67B4E-D489-442D-B862-31D12DDCBC8E}" destId="{14E1227C-7E47-4511-9273-5693BDE5F503}" srcOrd="2" destOrd="0" presId="urn:microsoft.com/office/officeart/2018/2/layout/IconVerticalSolidList"/>
    <dgm:cxn modelId="{3B1E53C4-6B13-44DF-9C0B-1B4EE2EB70A1}" type="presParOf" srcId="{3FD67B4E-D489-442D-B862-31D12DDCBC8E}" destId="{1A4C2F32-F5E7-4E7E-8C2C-BA07C18983D8}" srcOrd="3" destOrd="0" presId="urn:microsoft.com/office/officeart/2018/2/layout/IconVerticalSolidList"/>
    <dgm:cxn modelId="{3E5EE232-88D9-4B43-946D-83818D0A72BC}" type="presParOf" srcId="{2161160D-4240-4EA3-B878-5E352B7CD414}" destId="{3BB5BE5A-82FD-4350-BA52-E339B3110D43}" srcOrd="5" destOrd="0" presId="urn:microsoft.com/office/officeart/2018/2/layout/IconVerticalSolidList"/>
    <dgm:cxn modelId="{EA5AB9C4-EB38-4529-82CE-AD8D7D14E6FA}" type="presParOf" srcId="{2161160D-4240-4EA3-B878-5E352B7CD414}" destId="{C276CA09-5FDE-42DE-804B-8959E72E4EFA}" srcOrd="6" destOrd="0" presId="urn:microsoft.com/office/officeart/2018/2/layout/IconVerticalSolidList"/>
    <dgm:cxn modelId="{2CAD97A5-7314-4741-BD36-2D24F5ED92A3}" type="presParOf" srcId="{C276CA09-5FDE-42DE-804B-8959E72E4EFA}" destId="{3BDC149A-645A-49F9-8512-4C9F2DC4F3D0}" srcOrd="0" destOrd="0" presId="urn:microsoft.com/office/officeart/2018/2/layout/IconVerticalSolidList"/>
    <dgm:cxn modelId="{90BFE512-68C2-4930-866F-029829629768}" type="presParOf" srcId="{C276CA09-5FDE-42DE-804B-8959E72E4EFA}" destId="{7624D15B-47F9-4BCA-957A-E2112BAABE03}" srcOrd="1" destOrd="0" presId="urn:microsoft.com/office/officeart/2018/2/layout/IconVerticalSolidList"/>
    <dgm:cxn modelId="{F4F14BBF-FB83-4FDC-90ED-B6032B31D4B5}" type="presParOf" srcId="{C276CA09-5FDE-42DE-804B-8959E72E4EFA}" destId="{0EC1F5A3-8D40-4692-803A-E96003220153}" srcOrd="2" destOrd="0" presId="urn:microsoft.com/office/officeart/2018/2/layout/IconVerticalSolidList"/>
    <dgm:cxn modelId="{F33D21D7-4011-4BC2-8D67-5F0D025696E3}" type="presParOf" srcId="{C276CA09-5FDE-42DE-804B-8959E72E4EFA}" destId="{8325314F-7E91-476B-AC5B-F922D4ADCFEC}" srcOrd="3" destOrd="0" presId="urn:microsoft.com/office/officeart/2018/2/layout/IconVerticalSolidList"/>
    <dgm:cxn modelId="{6A9703C5-159B-4B13-98F0-9119A0F7E8F2}" type="presParOf" srcId="{2161160D-4240-4EA3-B878-5E352B7CD414}" destId="{642580CC-9C43-4AAB-8610-DB7B20476EFF}" srcOrd="7" destOrd="0" presId="urn:microsoft.com/office/officeart/2018/2/layout/IconVerticalSolidList"/>
    <dgm:cxn modelId="{98D4A394-AB46-4028-8A25-741862739007}" type="presParOf" srcId="{2161160D-4240-4EA3-B878-5E352B7CD414}" destId="{9105CE3C-C61B-431C-8982-299D4122EB1C}" srcOrd="8" destOrd="0" presId="urn:microsoft.com/office/officeart/2018/2/layout/IconVerticalSolidList"/>
    <dgm:cxn modelId="{5F629C14-0A39-455C-ACC3-3AAF90D56B76}" type="presParOf" srcId="{9105CE3C-C61B-431C-8982-299D4122EB1C}" destId="{2147313D-32A7-448B-BD28-2C71F395F94A}" srcOrd="0" destOrd="0" presId="urn:microsoft.com/office/officeart/2018/2/layout/IconVerticalSolidList"/>
    <dgm:cxn modelId="{8FD2B3BD-2B1A-45F1-ACCF-5608AE4C5936}" type="presParOf" srcId="{9105CE3C-C61B-431C-8982-299D4122EB1C}" destId="{FD333FEE-60DF-495A-BF4A-588C6C1364CE}" srcOrd="1" destOrd="0" presId="urn:microsoft.com/office/officeart/2018/2/layout/IconVerticalSolidList"/>
    <dgm:cxn modelId="{48B50D21-55E4-4606-B359-69F114191B1F}" type="presParOf" srcId="{9105CE3C-C61B-431C-8982-299D4122EB1C}" destId="{0731A993-E8C9-4763-B871-32741A3CE20F}" srcOrd="2" destOrd="0" presId="urn:microsoft.com/office/officeart/2018/2/layout/IconVerticalSolidList"/>
    <dgm:cxn modelId="{45C4F0F4-4849-447D-B910-5E5AFBBF3F00}" type="presParOf" srcId="{9105CE3C-C61B-431C-8982-299D4122EB1C}" destId="{060C214A-A0AA-4BDE-87EB-550C37810F1B}" srcOrd="3" destOrd="0" presId="urn:microsoft.com/office/officeart/2018/2/layout/IconVerticalSolidList"/>
    <dgm:cxn modelId="{CB5C43C0-2339-4163-8E62-4BA3453AA9C9}" type="presParOf" srcId="{2161160D-4240-4EA3-B878-5E352B7CD414}" destId="{204CC4B9-D447-42B0-9192-A33A3A44A579}" srcOrd="9" destOrd="0" presId="urn:microsoft.com/office/officeart/2018/2/layout/IconVerticalSolidList"/>
    <dgm:cxn modelId="{C17DB0BB-23E9-40ED-9C02-9AD7F3117365}" type="presParOf" srcId="{2161160D-4240-4EA3-B878-5E352B7CD414}" destId="{2C9C69B1-6920-43FB-AAC2-01217FBC278A}" srcOrd="10" destOrd="0" presId="urn:microsoft.com/office/officeart/2018/2/layout/IconVerticalSolidList"/>
    <dgm:cxn modelId="{1C05F502-977E-4AE9-BB60-ED038263E996}" type="presParOf" srcId="{2C9C69B1-6920-43FB-AAC2-01217FBC278A}" destId="{F2A277E8-EE7D-4263-BCEB-3071DE6CCD6C}" srcOrd="0" destOrd="0" presId="urn:microsoft.com/office/officeart/2018/2/layout/IconVerticalSolidList"/>
    <dgm:cxn modelId="{F1ABEC52-3A1B-4E29-B876-91D987B94357}" type="presParOf" srcId="{2C9C69B1-6920-43FB-AAC2-01217FBC278A}" destId="{DEAA4579-04E2-4AB7-89D6-01EEFCDB2C1A}" srcOrd="1" destOrd="0" presId="urn:microsoft.com/office/officeart/2018/2/layout/IconVerticalSolidList"/>
    <dgm:cxn modelId="{848EBA2E-B29A-4D8B-B6FA-F3005EC553EB}" type="presParOf" srcId="{2C9C69B1-6920-43FB-AAC2-01217FBC278A}" destId="{B039FACC-0A7F-4702-ADD0-61EF6AE443EE}" srcOrd="2" destOrd="0" presId="urn:microsoft.com/office/officeart/2018/2/layout/IconVerticalSolidList"/>
    <dgm:cxn modelId="{A29F685D-02E3-4C54-A5E3-54F694C7F426}" type="presParOf" srcId="{2C9C69B1-6920-43FB-AAC2-01217FBC278A}" destId="{575B22AA-498F-4019-B0CE-AC77BB3FBB74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A26EE546-9444-40A5-A46C-E44C928509EB}" type="doc">
      <dgm:prSet loTypeId="urn:microsoft.com/office/officeart/2018/2/layout/IconVerticalSolid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0C195244-AD3D-46D5-B36E-6A9F0B759699}">
      <dgm:prSet/>
      <dgm:spPr/>
      <dgm:t>
        <a:bodyPr/>
        <a:lstStyle/>
        <a:p>
          <a:r>
            <a:rPr lang="da-DK"/>
            <a:t>Besparelser på tidsforbrug på lageret.</a:t>
          </a:r>
          <a:endParaRPr lang="en-US"/>
        </a:p>
      </dgm:t>
    </dgm:pt>
    <dgm:pt modelId="{8B499CED-86B0-4D4D-B0DD-27A056601E12}" type="parTrans" cxnId="{B0362348-FABA-4239-97E1-32FD2EB234DC}">
      <dgm:prSet/>
      <dgm:spPr/>
      <dgm:t>
        <a:bodyPr/>
        <a:lstStyle/>
        <a:p>
          <a:endParaRPr lang="en-US"/>
        </a:p>
      </dgm:t>
    </dgm:pt>
    <dgm:pt modelId="{75219766-A220-4829-8A10-10F2FB4E5DA0}" type="sibTrans" cxnId="{B0362348-FABA-4239-97E1-32FD2EB234DC}">
      <dgm:prSet/>
      <dgm:spPr/>
      <dgm:t>
        <a:bodyPr/>
        <a:lstStyle/>
        <a:p>
          <a:endParaRPr lang="en-US"/>
        </a:p>
      </dgm:t>
    </dgm:pt>
    <dgm:pt modelId="{E5F486F0-9C2C-4EE9-B07B-D3985C43A4D5}">
      <dgm:prSet/>
      <dgm:spPr/>
      <dgm:t>
        <a:bodyPr/>
        <a:lstStyle/>
        <a:p>
          <a:r>
            <a:rPr lang="da-DK"/>
            <a:t>Besparelser mht. svind på lageret.</a:t>
          </a:r>
          <a:endParaRPr lang="en-US"/>
        </a:p>
      </dgm:t>
    </dgm:pt>
    <dgm:pt modelId="{BA8E40D1-EAE4-445A-914B-91F0E618297D}" type="parTrans" cxnId="{DE1ECF8E-29F3-41A7-9F1F-5BE4CCDA760D}">
      <dgm:prSet/>
      <dgm:spPr/>
      <dgm:t>
        <a:bodyPr/>
        <a:lstStyle/>
        <a:p>
          <a:endParaRPr lang="en-US"/>
        </a:p>
      </dgm:t>
    </dgm:pt>
    <dgm:pt modelId="{7BF02B2A-87F8-4177-9609-15C8A34696A8}" type="sibTrans" cxnId="{DE1ECF8E-29F3-41A7-9F1F-5BE4CCDA760D}">
      <dgm:prSet/>
      <dgm:spPr/>
      <dgm:t>
        <a:bodyPr/>
        <a:lstStyle/>
        <a:p>
          <a:endParaRPr lang="en-US"/>
        </a:p>
      </dgm:t>
    </dgm:pt>
    <dgm:pt modelId="{124B68DB-08CC-4607-825C-29C236EE67C6}">
      <dgm:prSet/>
      <dgm:spPr/>
      <dgm:t>
        <a:bodyPr/>
        <a:lstStyle/>
        <a:p>
          <a:r>
            <a:rPr lang="da-DK" dirty="0"/>
            <a:t>Besparelser på optimering af indkøb ved øget valid forbrugsdata. </a:t>
          </a:r>
          <a:endParaRPr lang="en-US" dirty="0"/>
        </a:p>
      </dgm:t>
    </dgm:pt>
    <dgm:pt modelId="{9E3FD0BD-A972-42A1-A491-ADDC561F6744}" type="parTrans" cxnId="{09A3625E-8370-4DC0-8E8C-37F0F578091E}">
      <dgm:prSet/>
      <dgm:spPr/>
      <dgm:t>
        <a:bodyPr/>
        <a:lstStyle/>
        <a:p>
          <a:endParaRPr lang="en-US"/>
        </a:p>
      </dgm:t>
    </dgm:pt>
    <dgm:pt modelId="{0FF53276-89B3-44C1-8223-18E3B4133888}" type="sibTrans" cxnId="{09A3625E-8370-4DC0-8E8C-37F0F578091E}">
      <dgm:prSet/>
      <dgm:spPr/>
      <dgm:t>
        <a:bodyPr/>
        <a:lstStyle/>
        <a:p>
          <a:endParaRPr lang="en-US"/>
        </a:p>
      </dgm:t>
    </dgm:pt>
    <dgm:pt modelId="{4CE98C5C-A461-4168-A68D-2F377AE65B74}">
      <dgm:prSet/>
      <dgm:spPr/>
      <dgm:t>
        <a:bodyPr/>
        <a:lstStyle/>
        <a:p>
          <a:r>
            <a:rPr lang="da-DK"/>
            <a:t>Besparelser på sigt ved bedre udnyttelse af arealer.</a:t>
          </a:r>
          <a:endParaRPr lang="en-US"/>
        </a:p>
      </dgm:t>
    </dgm:pt>
    <dgm:pt modelId="{F134343D-D444-40AF-A9A8-136805EA3E55}" type="parTrans" cxnId="{313B2501-09B0-42AC-877B-B77B37DBE707}">
      <dgm:prSet/>
      <dgm:spPr/>
      <dgm:t>
        <a:bodyPr/>
        <a:lstStyle/>
        <a:p>
          <a:endParaRPr lang="en-US"/>
        </a:p>
      </dgm:t>
    </dgm:pt>
    <dgm:pt modelId="{C3CD5631-E313-4CD5-B62A-726901D0F289}" type="sibTrans" cxnId="{313B2501-09B0-42AC-877B-B77B37DBE707}">
      <dgm:prSet/>
      <dgm:spPr/>
      <dgm:t>
        <a:bodyPr/>
        <a:lstStyle/>
        <a:p>
          <a:endParaRPr lang="en-US"/>
        </a:p>
      </dgm:t>
    </dgm:pt>
    <dgm:pt modelId="{714B6595-ECF2-427E-81F0-1CCD3E322F0C}">
      <dgm:prSet/>
      <dgm:spPr/>
      <dgm:t>
        <a:bodyPr/>
        <a:lstStyle/>
        <a:p>
          <a:r>
            <a:rPr lang="da-DK"/>
            <a:t>Estimering af mulige besparelser ved skalering af system på andre områder af SDU.  </a:t>
          </a:r>
          <a:endParaRPr lang="en-US"/>
        </a:p>
      </dgm:t>
    </dgm:pt>
    <dgm:pt modelId="{229594A1-D730-4743-BE95-0CC1C28A1917}" type="parTrans" cxnId="{8287C10D-3478-417B-A38B-C4B2D3567ABD}">
      <dgm:prSet/>
      <dgm:spPr/>
      <dgm:t>
        <a:bodyPr/>
        <a:lstStyle/>
        <a:p>
          <a:endParaRPr lang="en-US"/>
        </a:p>
      </dgm:t>
    </dgm:pt>
    <dgm:pt modelId="{D42BD4B5-F665-442F-9245-F1E35EDDF897}" type="sibTrans" cxnId="{8287C10D-3478-417B-A38B-C4B2D3567ABD}">
      <dgm:prSet/>
      <dgm:spPr/>
      <dgm:t>
        <a:bodyPr/>
        <a:lstStyle/>
        <a:p>
          <a:endParaRPr lang="en-US"/>
        </a:p>
      </dgm:t>
    </dgm:pt>
    <dgm:pt modelId="{ED282F67-AD48-4545-B84B-393D709D9BFA}" type="pres">
      <dgm:prSet presAssocID="{A26EE546-9444-40A5-A46C-E44C928509EB}" presName="root" presStyleCnt="0">
        <dgm:presLayoutVars>
          <dgm:dir/>
          <dgm:resizeHandles val="exact"/>
        </dgm:presLayoutVars>
      </dgm:prSet>
      <dgm:spPr/>
    </dgm:pt>
    <dgm:pt modelId="{6F9EE216-6EAB-43D7-8EA1-BCDE54693157}" type="pres">
      <dgm:prSet presAssocID="{0C195244-AD3D-46D5-B36E-6A9F0B759699}" presName="compNode" presStyleCnt="0"/>
      <dgm:spPr/>
    </dgm:pt>
    <dgm:pt modelId="{61039013-11BE-40AE-9442-4F5AED9B5455}" type="pres">
      <dgm:prSet presAssocID="{0C195244-AD3D-46D5-B36E-6A9F0B759699}" presName="bgRect" presStyleLbl="bgShp" presStyleIdx="0" presStyleCnt="5"/>
      <dgm:spPr/>
    </dgm:pt>
    <dgm:pt modelId="{E1512DCD-F480-48C9-A6B5-54DF6CC8642C}" type="pres">
      <dgm:prSet presAssocID="{0C195244-AD3D-46D5-B36E-6A9F0B759699}" presName="iconRect" presStyleLbl="node1" presStyleIdx="0" presStyleCnt="5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Piggy Bank"/>
        </a:ext>
      </dgm:extLst>
    </dgm:pt>
    <dgm:pt modelId="{F8BDF3C2-9ECE-49D7-B99C-CEBB744BC2F8}" type="pres">
      <dgm:prSet presAssocID="{0C195244-AD3D-46D5-B36E-6A9F0B759699}" presName="spaceRect" presStyleCnt="0"/>
      <dgm:spPr/>
    </dgm:pt>
    <dgm:pt modelId="{2E328FC5-169B-43EF-98BC-9DA1F6601A1E}" type="pres">
      <dgm:prSet presAssocID="{0C195244-AD3D-46D5-B36E-6A9F0B759699}" presName="parTx" presStyleLbl="revTx" presStyleIdx="0" presStyleCnt="5">
        <dgm:presLayoutVars>
          <dgm:chMax val="0"/>
          <dgm:chPref val="0"/>
        </dgm:presLayoutVars>
      </dgm:prSet>
      <dgm:spPr/>
    </dgm:pt>
    <dgm:pt modelId="{103E5893-E409-44B4-8F35-5FBCDE63F398}" type="pres">
      <dgm:prSet presAssocID="{75219766-A220-4829-8A10-10F2FB4E5DA0}" presName="sibTrans" presStyleCnt="0"/>
      <dgm:spPr/>
    </dgm:pt>
    <dgm:pt modelId="{858326A6-D7A1-424D-958B-AFA65DA9402E}" type="pres">
      <dgm:prSet presAssocID="{E5F486F0-9C2C-4EE9-B07B-D3985C43A4D5}" presName="compNode" presStyleCnt="0"/>
      <dgm:spPr/>
    </dgm:pt>
    <dgm:pt modelId="{97759BFF-6DCC-4EA4-BAD5-650304369F4D}" type="pres">
      <dgm:prSet presAssocID="{E5F486F0-9C2C-4EE9-B07B-D3985C43A4D5}" presName="bgRect" presStyleLbl="bgShp" presStyleIdx="1" presStyleCnt="5"/>
      <dgm:spPr/>
    </dgm:pt>
    <dgm:pt modelId="{DD3715A7-7567-4DFD-830D-668E90E91CFE}" type="pres">
      <dgm:prSet presAssocID="{E5F486F0-9C2C-4EE9-B07B-D3985C43A4D5}" presName="iconRect" presStyleLbl="node1" presStyleIdx="1" presStyleCnt="5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Downward trend"/>
        </a:ext>
      </dgm:extLst>
    </dgm:pt>
    <dgm:pt modelId="{16F7413B-B33C-43FE-9094-C526C3380CE0}" type="pres">
      <dgm:prSet presAssocID="{E5F486F0-9C2C-4EE9-B07B-D3985C43A4D5}" presName="spaceRect" presStyleCnt="0"/>
      <dgm:spPr/>
    </dgm:pt>
    <dgm:pt modelId="{42F3DF9D-4989-4525-AB0E-D26D5D156418}" type="pres">
      <dgm:prSet presAssocID="{E5F486F0-9C2C-4EE9-B07B-D3985C43A4D5}" presName="parTx" presStyleLbl="revTx" presStyleIdx="1" presStyleCnt="5">
        <dgm:presLayoutVars>
          <dgm:chMax val="0"/>
          <dgm:chPref val="0"/>
        </dgm:presLayoutVars>
      </dgm:prSet>
      <dgm:spPr/>
    </dgm:pt>
    <dgm:pt modelId="{88DBFF6F-F223-442F-9EF4-DB15A28F2460}" type="pres">
      <dgm:prSet presAssocID="{7BF02B2A-87F8-4177-9609-15C8A34696A8}" presName="sibTrans" presStyleCnt="0"/>
      <dgm:spPr/>
    </dgm:pt>
    <dgm:pt modelId="{29066768-191A-4636-A87F-BF45988D9473}" type="pres">
      <dgm:prSet presAssocID="{124B68DB-08CC-4607-825C-29C236EE67C6}" presName="compNode" presStyleCnt="0"/>
      <dgm:spPr/>
    </dgm:pt>
    <dgm:pt modelId="{32B09A65-C1BB-4269-BF77-7A7E112B659A}" type="pres">
      <dgm:prSet presAssocID="{124B68DB-08CC-4607-825C-29C236EE67C6}" presName="bgRect" presStyleLbl="bgShp" presStyleIdx="2" presStyleCnt="5"/>
      <dgm:spPr/>
    </dgm:pt>
    <dgm:pt modelId="{CF625F3C-0635-4BD7-9341-4684B86613A8}" type="pres">
      <dgm:prSet presAssocID="{124B68DB-08CC-4607-825C-29C236EE67C6}" presName="iconRect" presStyleLbl="node1" presStyleIdx="2" presStyleCnt="5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Upward trend"/>
        </a:ext>
      </dgm:extLst>
    </dgm:pt>
    <dgm:pt modelId="{C5248009-778B-4EA0-AD6D-7CE3A3C17639}" type="pres">
      <dgm:prSet presAssocID="{124B68DB-08CC-4607-825C-29C236EE67C6}" presName="spaceRect" presStyleCnt="0"/>
      <dgm:spPr/>
    </dgm:pt>
    <dgm:pt modelId="{F4F6826A-5C5F-40A3-8545-8F96547818A7}" type="pres">
      <dgm:prSet presAssocID="{124B68DB-08CC-4607-825C-29C236EE67C6}" presName="parTx" presStyleLbl="revTx" presStyleIdx="2" presStyleCnt="5">
        <dgm:presLayoutVars>
          <dgm:chMax val="0"/>
          <dgm:chPref val="0"/>
        </dgm:presLayoutVars>
      </dgm:prSet>
      <dgm:spPr/>
    </dgm:pt>
    <dgm:pt modelId="{12E46D95-1FC8-4AEE-B021-89BCFF42414E}" type="pres">
      <dgm:prSet presAssocID="{0FF53276-89B3-44C1-8223-18E3B4133888}" presName="sibTrans" presStyleCnt="0"/>
      <dgm:spPr/>
    </dgm:pt>
    <dgm:pt modelId="{32E7C18A-6230-467A-AB60-DEE5CBC7CE2E}" type="pres">
      <dgm:prSet presAssocID="{4CE98C5C-A461-4168-A68D-2F377AE65B74}" presName="compNode" presStyleCnt="0"/>
      <dgm:spPr/>
    </dgm:pt>
    <dgm:pt modelId="{17E5C357-B3D4-4E38-B475-96A523B72090}" type="pres">
      <dgm:prSet presAssocID="{4CE98C5C-A461-4168-A68D-2F377AE65B74}" presName="bgRect" presStyleLbl="bgShp" presStyleIdx="3" presStyleCnt="5"/>
      <dgm:spPr/>
    </dgm:pt>
    <dgm:pt modelId="{395D002F-7979-4B26-90E2-CF315B34CD37}" type="pres">
      <dgm:prSet presAssocID="{4CE98C5C-A461-4168-A68D-2F377AE65B74}" presName="iconRect" presStyleLbl="node1" presStyleIdx="3" presStyleCnt="5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Bullseye"/>
        </a:ext>
      </dgm:extLst>
    </dgm:pt>
    <dgm:pt modelId="{2E461788-ADE9-478E-BFE5-274EDA8DF613}" type="pres">
      <dgm:prSet presAssocID="{4CE98C5C-A461-4168-A68D-2F377AE65B74}" presName="spaceRect" presStyleCnt="0"/>
      <dgm:spPr/>
    </dgm:pt>
    <dgm:pt modelId="{04C4F086-F5A2-4F86-9C01-F756CEA3DA84}" type="pres">
      <dgm:prSet presAssocID="{4CE98C5C-A461-4168-A68D-2F377AE65B74}" presName="parTx" presStyleLbl="revTx" presStyleIdx="3" presStyleCnt="5">
        <dgm:presLayoutVars>
          <dgm:chMax val="0"/>
          <dgm:chPref val="0"/>
        </dgm:presLayoutVars>
      </dgm:prSet>
      <dgm:spPr/>
    </dgm:pt>
    <dgm:pt modelId="{E8F416D4-D609-45E8-9103-B0B3DCFD0EF3}" type="pres">
      <dgm:prSet presAssocID="{C3CD5631-E313-4CD5-B62A-726901D0F289}" presName="sibTrans" presStyleCnt="0"/>
      <dgm:spPr/>
    </dgm:pt>
    <dgm:pt modelId="{16638793-07AC-4285-B109-0B3418F5ED3A}" type="pres">
      <dgm:prSet presAssocID="{714B6595-ECF2-427E-81F0-1CCD3E322F0C}" presName="compNode" presStyleCnt="0"/>
      <dgm:spPr/>
    </dgm:pt>
    <dgm:pt modelId="{F1399EE3-F07A-46C0-961C-9BBED13D21C8}" type="pres">
      <dgm:prSet presAssocID="{714B6595-ECF2-427E-81F0-1CCD3E322F0C}" presName="bgRect" presStyleLbl="bgShp" presStyleIdx="4" presStyleCnt="5"/>
      <dgm:spPr/>
    </dgm:pt>
    <dgm:pt modelId="{BC160377-A708-4BF3-8049-A9CC6D8384AF}" type="pres">
      <dgm:prSet presAssocID="{714B6595-ECF2-427E-81F0-1CCD3E322F0C}" presName="iconRect" presStyleLbl="node1" presStyleIdx="4" presStyleCnt="5"/>
      <dgm:spPr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Money"/>
        </a:ext>
      </dgm:extLst>
    </dgm:pt>
    <dgm:pt modelId="{E7AB5D10-01DC-468F-9BA3-5DA4662A17B6}" type="pres">
      <dgm:prSet presAssocID="{714B6595-ECF2-427E-81F0-1CCD3E322F0C}" presName="spaceRect" presStyleCnt="0"/>
      <dgm:spPr/>
    </dgm:pt>
    <dgm:pt modelId="{A7C2D8C6-CF9E-473F-B33D-5470491C1FC9}" type="pres">
      <dgm:prSet presAssocID="{714B6595-ECF2-427E-81F0-1CCD3E322F0C}" presName="parTx" presStyleLbl="revTx" presStyleIdx="4" presStyleCnt="5">
        <dgm:presLayoutVars>
          <dgm:chMax val="0"/>
          <dgm:chPref val="0"/>
        </dgm:presLayoutVars>
      </dgm:prSet>
      <dgm:spPr/>
    </dgm:pt>
  </dgm:ptLst>
  <dgm:cxnLst>
    <dgm:cxn modelId="{313B2501-09B0-42AC-877B-B77B37DBE707}" srcId="{A26EE546-9444-40A5-A46C-E44C928509EB}" destId="{4CE98C5C-A461-4168-A68D-2F377AE65B74}" srcOrd="3" destOrd="0" parTransId="{F134343D-D444-40AF-A9A8-136805EA3E55}" sibTransId="{C3CD5631-E313-4CD5-B62A-726901D0F289}"/>
    <dgm:cxn modelId="{8287C10D-3478-417B-A38B-C4B2D3567ABD}" srcId="{A26EE546-9444-40A5-A46C-E44C928509EB}" destId="{714B6595-ECF2-427E-81F0-1CCD3E322F0C}" srcOrd="4" destOrd="0" parTransId="{229594A1-D730-4743-BE95-0CC1C28A1917}" sibTransId="{D42BD4B5-F665-442F-9245-F1E35EDDF897}"/>
    <dgm:cxn modelId="{22C7391A-61FB-4B86-B4CB-08050D87A12D}" type="presOf" srcId="{A26EE546-9444-40A5-A46C-E44C928509EB}" destId="{ED282F67-AD48-4545-B84B-393D709D9BFA}" srcOrd="0" destOrd="0" presId="urn:microsoft.com/office/officeart/2018/2/layout/IconVerticalSolidList"/>
    <dgm:cxn modelId="{09A3625E-8370-4DC0-8E8C-37F0F578091E}" srcId="{A26EE546-9444-40A5-A46C-E44C928509EB}" destId="{124B68DB-08CC-4607-825C-29C236EE67C6}" srcOrd="2" destOrd="0" parTransId="{9E3FD0BD-A972-42A1-A491-ADDC561F6744}" sibTransId="{0FF53276-89B3-44C1-8223-18E3B4133888}"/>
    <dgm:cxn modelId="{52F67065-8916-4D02-A9D4-50006980F97B}" type="presOf" srcId="{124B68DB-08CC-4607-825C-29C236EE67C6}" destId="{F4F6826A-5C5F-40A3-8545-8F96547818A7}" srcOrd="0" destOrd="0" presId="urn:microsoft.com/office/officeart/2018/2/layout/IconVerticalSolidList"/>
    <dgm:cxn modelId="{B0362348-FABA-4239-97E1-32FD2EB234DC}" srcId="{A26EE546-9444-40A5-A46C-E44C928509EB}" destId="{0C195244-AD3D-46D5-B36E-6A9F0B759699}" srcOrd="0" destOrd="0" parTransId="{8B499CED-86B0-4D4D-B0DD-27A056601E12}" sibTransId="{75219766-A220-4829-8A10-10F2FB4E5DA0}"/>
    <dgm:cxn modelId="{38637D48-7F32-4245-A707-7F9EE3540E68}" type="presOf" srcId="{0C195244-AD3D-46D5-B36E-6A9F0B759699}" destId="{2E328FC5-169B-43EF-98BC-9DA1F6601A1E}" srcOrd="0" destOrd="0" presId="urn:microsoft.com/office/officeart/2018/2/layout/IconVerticalSolidList"/>
    <dgm:cxn modelId="{0C803378-4108-4344-AAE1-0D6B5C8C9B76}" type="presOf" srcId="{4CE98C5C-A461-4168-A68D-2F377AE65B74}" destId="{04C4F086-F5A2-4F86-9C01-F756CEA3DA84}" srcOrd="0" destOrd="0" presId="urn:microsoft.com/office/officeart/2018/2/layout/IconVerticalSolidList"/>
    <dgm:cxn modelId="{46269D8B-4C63-48FC-A9AF-DD2B37B073B2}" type="presOf" srcId="{E5F486F0-9C2C-4EE9-B07B-D3985C43A4D5}" destId="{42F3DF9D-4989-4525-AB0E-D26D5D156418}" srcOrd="0" destOrd="0" presId="urn:microsoft.com/office/officeart/2018/2/layout/IconVerticalSolidList"/>
    <dgm:cxn modelId="{DE1ECF8E-29F3-41A7-9F1F-5BE4CCDA760D}" srcId="{A26EE546-9444-40A5-A46C-E44C928509EB}" destId="{E5F486F0-9C2C-4EE9-B07B-D3985C43A4D5}" srcOrd="1" destOrd="0" parTransId="{BA8E40D1-EAE4-445A-914B-91F0E618297D}" sibTransId="{7BF02B2A-87F8-4177-9609-15C8A34696A8}"/>
    <dgm:cxn modelId="{8A1324A2-DF71-4B65-B1AC-7D3489C658CA}" type="presOf" srcId="{714B6595-ECF2-427E-81F0-1CCD3E322F0C}" destId="{A7C2D8C6-CF9E-473F-B33D-5470491C1FC9}" srcOrd="0" destOrd="0" presId="urn:microsoft.com/office/officeart/2018/2/layout/IconVerticalSolidList"/>
    <dgm:cxn modelId="{0CBAD3AE-BEE7-4531-AB6E-F4F63AD15A66}" type="presParOf" srcId="{ED282F67-AD48-4545-B84B-393D709D9BFA}" destId="{6F9EE216-6EAB-43D7-8EA1-BCDE54693157}" srcOrd="0" destOrd="0" presId="urn:microsoft.com/office/officeart/2018/2/layout/IconVerticalSolidList"/>
    <dgm:cxn modelId="{487DCB3E-76DC-452F-81A7-2D9AA65914F3}" type="presParOf" srcId="{6F9EE216-6EAB-43D7-8EA1-BCDE54693157}" destId="{61039013-11BE-40AE-9442-4F5AED9B5455}" srcOrd="0" destOrd="0" presId="urn:microsoft.com/office/officeart/2018/2/layout/IconVerticalSolidList"/>
    <dgm:cxn modelId="{4AB35447-E6AB-4A05-8451-68BBD3106FC1}" type="presParOf" srcId="{6F9EE216-6EAB-43D7-8EA1-BCDE54693157}" destId="{E1512DCD-F480-48C9-A6B5-54DF6CC8642C}" srcOrd="1" destOrd="0" presId="urn:microsoft.com/office/officeart/2018/2/layout/IconVerticalSolidList"/>
    <dgm:cxn modelId="{C4952B6D-4F4D-4DB0-8905-4FD0B3DC6E74}" type="presParOf" srcId="{6F9EE216-6EAB-43D7-8EA1-BCDE54693157}" destId="{F8BDF3C2-9ECE-49D7-B99C-CEBB744BC2F8}" srcOrd="2" destOrd="0" presId="urn:microsoft.com/office/officeart/2018/2/layout/IconVerticalSolidList"/>
    <dgm:cxn modelId="{E76C621C-9125-447D-81C7-8C3F09431AC5}" type="presParOf" srcId="{6F9EE216-6EAB-43D7-8EA1-BCDE54693157}" destId="{2E328FC5-169B-43EF-98BC-9DA1F6601A1E}" srcOrd="3" destOrd="0" presId="urn:microsoft.com/office/officeart/2018/2/layout/IconVerticalSolidList"/>
    <dgm:cxn modelId="{9B06B9F6-C08A-4C28-AE3B-096592FD05B0}" type="presParOf" srcId="{ED282F67-AD48-4545-B84B-393D709D9BFA}" destId="{103E5893-E409-44B4-8F35-5FBCDE63F398}" srcOrd="1" destOrd="0" presId="urn:microsoft.com/office/officeart/2018/2/layout/IconVerticalSolidList"/>
    <dgm:cxn modelId="{72A9B25E-935B-48C5-9B2E-6BF9C93E1F22}" type="presParOf" srcId="{ED282F67-AD48-4545-B84B-393D709D9BFA}" destId="{858326A6-D7A1-424D-958B-AFA65DA9402E}" srcOrd="2" destOrd="0" presId="urn:microsoft.com/office/officeart/2018/2/layout/IconVerticalSolidList"/>
    <dgm:cxn modelId="{575B5BF1-591E-4133-8018-B23392AAEED6}" type="presParOf" srcId="{858326A6-D7A1-424D-958B-AFA65DA9402E}" destId="{97759BFF-6DCC-4EA4-BAD5-650304369F4D}" srcOrd="0" destOrd="0" presId="urn:microsoft.com/office/officeart/2018/2/layout/IconVerticalSolidList"/>
    <dgm:cxn modelId="{241A7917-F301-4689-89E6-7F5656826C29}" type="presParOf" srcId="{858326A6-D7A1-424D-958B-AFA65DA9402E}" destId="{DD3715A7-7567-4DFD-830D-668E90E91CFE}" srcOrd="1" destOrd="0" presId="urn:microsoft.com/office/officeart/2018/2/layout/IconVerticalSolidList"/>
    <dgm:cxn modelId="{22157579-CF71-4177-8DC0-F72C573BB34F}" type="presParOf" srcId="{858326A6-D7A1-424D-958B-AFA65DA9402E}" destId="{16F7413B-B33C-43FE-9094-C526C3380CE0}" srcOrd="2" destOrd="0" presId="urn:microsoft.com/office/officeart/2018/2/layout/IconVerticalSolidList"/>
    <dgm:cxn modelId="{06765558-132F-4945-84B8-AC10A574D569}" type="presParOf" srcId="{858326A6-D7A1-424D-958B-AFA65DA9402E}" destId="{42F3DF9D-4989-4525-AB0E-D26D5D156418}" srcOrd="3" destOrd="0" presId="urn:microsoft.com/office/officeart/2018/2/layout/IconVerticalSolidList"/>
    <dgm:cxn modelId="{2EFE44DE-073D-4EB1-988D-CF94DABB6CEF}" type="presParOf" srcId="{ED282F67-AD48-4545-B84B-393D709D9BFA}" destId="{88DBFF6F-F223-442F-9EF4-DB15A28F2460}" srcOrd="3" destOrd="0" presId="urn:microsoft.com/office/officeart/2018/2/layout/IconVerticalSolidList"/>
    <dgm:cxn modelId="{49E8B6A8-21EE-4DD6-8978-F9AEEE545C47}" type="presParOf" srcId="{ED282F67-AD48-4545-B84B-393D709D9BFA}" destId="{29066768-191A-4636-A87F-BF45988D9473}" srcOrd="4" destOrd="0" presId="urn:microsoft.com/office/officeart/2018/2/layout/IconVerticalSolidList"/>
    <dgm:cxn modelId="{6758AD5D-A1D4-454E-9D22-7A3D8DFD09E5}" type="presParOf" srcId="{29066768-191A-4636-A87F-BF45988D9473}" destId="{32B09A65-C1BB-4269-BF77-7A7E112B659A}" srcOrd="0" destOrd="0" presId="urn:microsoft.com/office/officeart/2018/2/layout/IconVerticalSolidList"/>
    <dgm:cxn modelId="{A1109FD4-5569-484F-A7DA-7166EE124A50}" type="presParOf" srcId="{29066768-191A-4636-A87F-BF45988D9473}" destId="{CF625F3C-0635-4BD7-9341-4684B86613A8}" srcOrd="1" destOrd="0" presId="urn:microsoft.com/office/officeart/2018/2/layout/IconVerticalSolidList"/>
    <dgm:cxn modelId="{9679CCD6-2909-4DFC-8E64-536F6FA099AD}" type="presParOf" srcId="{29066768-191A-4636-A87F-BF45988D9473}" destId="{C5248009-778B-4EA0-AD6D-7CE3A3C17639}" srcOrd="2" destOrd="0" presId="urn:microsoft.com/office/officeart/2018/2/layout/IconVerticalSolidList"/>
    <dgm:cxn modelId="{9181ECE2-7426-4DFB-84A2-518D64B458F7}" type="presParOf" srcId="{29066768-191A-4636-A87F-BF45988D9473}" destId="{F4F6826A-5C5F-40A3-8545-8F96547818A7}" srcOrd="3" destOrd="0" presId="urn:microsoft.com/office/officeart/2018/2/layout/IconVerticalSolidList"/>
    <dgm:cxn modelId="{19D05502-E3C0-42BE-9ABA-F28E37033076}" type="presParOf" srcId="{ED282F67-AD48-4545-B84B-393D709D9BFA}" destId="{12E46D95-1FC8-4AEE-B021-89BCFF42414E}" srcOrd="5" destOrd="0" presId="urn:microsoft.com/office/officeart/2018/2/layout/IconVerticalSolidList"/>
    <dgm:cxn modelId="{B1DAD483-4AF9-4BA9-AD8E-04ED7972F400}" type="presParOf" srcId="{ED282F67-AD48-4545-B84B-393D709D9BFA}" destId="{32E7C18A-6230-467A-AB60-DEE5CBC7CE2E}" srcOrd="6" destOrd="0" presId="urn:microsoft.com/office/officeart/2018/2/layout/IconVerticalSolidList"/>
    <dgm:cxn modelId="{CA14C296-B255-4026-B92F-2DE893023D56}" type="presParOf" srcId="{32E7C18A-6230-467A-AB60-DEE5CBC7CE2E}" destId="{17E5C357-B3D4-4E38-B475-96A523B72090}" srcOrd="0" destOrd="0" presId="urn:microsoft.com/office/officeart/2018/2/layout/IconVerticalSolidList"/>
    <dgm:cxn modelId="{CCE844B0-0D4B-4F2C-BA4E-EB9D7B32CA40}" type="presParOf" srcId="{32E7C18A-6230-467A-AB60-DEE5CBC7CE2E}" destId="{395D002F-7979-4B26-90E2-CF315B34CD37}" srcOrd="1" destOrd="0" presId="urn:microsoft.com/office/officeart/2018/2/layout/IconVerticalSolidList"/>
    <dgm:cxn modelId="{0C0EE44B-3966-4531-BAE7-17228E98EEB6}" type="presParOf" srcId="{32E7C18A-6230-467A-AB60-DEE5CBC7CE2E}" destId="{2E461788-ADE9-478E-BFE5-274EDA8DF613}" srcOrd="2" destOrd="0" presId="urn:microsoft.com/office/officeart/2018/2/layout/IconVerticalSolidList"/>
    <dgm:cxn modelId="{722D60FA-DA24-4DBA-AA7E-3D1A5DF1A8E2}" type="presParOf" srcId="{32E7C18A-6230-467A-AB60-DEE5CBC7CE2E}" destId="{04C4F086-F5A2-4F86-9C01-F756CEA3DA84}" srcOrd="3" destOrd="0" presId="urn:microsoft.com/office/officeart/2018/2/layout/IconVerticalSolidList"/>
    <dgm:cxn modelId="{2EA85E08-FCF5-4EC1-B4BC-031D7581629F}" type="presParOf" srcId="{ED282F67-AD48-4545-B84B-393D709D9BFA}" destId="{E8F416D4-D609-45E8-9103-B0B3DCFD0EF3}" srcOrd="7" destOrd="0" presId="urn:microsoft.com/office/officeart/2018/2/layout/IconVerticalSolidList"/>
    <dgm:cxn modelId="{0567F452-A98E-4B29-8431-E9937850B4E3}" type="presParOf" srcId="{ED282F67-AD48-4545-B84B-393D709D9BFA}" destId="{16638793-07AC-4285-B109-0B3418F5ED3A}" srcOrd="8" destOrd="0" presId="urn:microsoft.com/office/officeart/2018/2/layout/IconVerticalSolidList"/>
    <dgm:cxn modelId="{0092D818-E7CB-4BEF-93BD-814E78B6F3DC}" type="presParOf" srcId="{16638793-07AC-4285-B109-0B3418F5ED3A}" destId="{F1399EE3-F07A-46C0-961C-9BBED13D21C8}" srcOrd="0" destOrd="0" presId="urn:microsoft.com/office/officeart/2018/2/layout/IconVerticalSolidList"/>
    <dgm:cxn modelId="{B99C2353-8ECF-4486-A1F3-6F77386F6AFA}" type="presParOf" srcId="{16638793-07AC-4285-B109-0B3418F5ED3A}" destId="{BC160377-A708-4BF3-8049-A9CC6D8384AF}" srcOrd="1" destOrd="0" presId="urn:microsoft.com/office/officeart/2018/2/layout/IconVerticalSolidList"/>
    <dgm:cxn modelId="{C6FCE1CD-62F3-4584-B642-2E1BA8218BAA}" type="presParOf" srcId="{16638793-07AC-4285-B109-0B3418F5ED3A}" destId="{E7AB5D10-01DC-468F-9BA3-5DA4662A17B6}" srcOrd="2" destOrd="0" presId="urn:microsoft.com/office/officeart/2018/2/layout/IconVerticalSolidList"/>
    <dgm:cxn modelId="{B1E4F12D-7039-4A50-B817-B202627CCAD1}" type="presParOf" srcId="{16638793-07AC-4285-B109-0B3418F5ED3A}" destId="{A7C2D8C6-CF9E-473F-B33D-5470491C1FC9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1F2D18E-DB5C-476F-8B48-91E4DE508D5B}">
      <dsp:nvSpPr>
        <dsp:cNvPr id="0" name=""/>
        <dsp:cNvSpPr/>
      </dsp:nvSpPr>
      <dsp:spPr>
        <a:xfrm>
          <a:off x="0" y="1250"/>
          <a:ext cx="10961237" cy="532684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6D739BE2-0461-4E11-96CB-2BFAB3AB7C98}">
      <dsp:nvSpPr>
        <dsp:cNvPr id="0" name=""/>
        <dsp:cNvSpPr/>
      </dsp:nvSpPr>
      <dsp:spPr>
        <a:xfrm>
          <a:off x="161137" y="121104"/>
          <a:ext cx="292976" cy="292976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6AD2EE8E-0D2D-42B7-9663-3B6E3DDB1D96}">
      <dsp:nvSpPr>
        <dsp:cNvPr id="0" name=""/>
        <dsp:cNvSpPr/>
      </dsp:nvSpPr>
      <dsp:spPr>
        <a:xfrm>
          <a:off x="615250" y="1250"/>
          <a:ext cx="10345986" cy="53268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376" tIns="56376" rIns="56376" bIns="56376" numCol="1" spcCol="1270" anchor="ctr" anchorCtr="0">
          <a:noAutofit/>
        </a:bodyPr>
        <a:lstStyle/>
        <a:p>
          <a:pPr marL="0" lvl="0" indent="0" algn="l" defTabSz="8445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 dirty="0"/>
            <a:t>Erkendelse af behov for nyt system.</a:t>
          </a:r>
          <a:endParaRPr lang="en-US" sz="1900" kern="1200" dirty="0"/>
        </a:p>
      </dsp:txBody>
      <dsp:txXfrm>
        <a:off x="615250" y="1250"/>
        <a:ext cx="10345986" cy="532684"/>
      </dsp:txXfrm>
    </dsp:sp>
    <dsp:sp modelId="{826CAC0F-B246-49F3-9BFA-016BA8AA4339}">
      <dsp:nvSpPr>
        <dsp:cNvPr id="0" name=""/>
        <dsp:cNvSpPr/>
      </dsp:nvSpPr>
      <dsp:spPr>
        <a:xfrm>
          <a:off x="0" y="667105"/>
          <a:ext cx="10961237" cy="532684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3EB00A56-4935-47B4-850B-D63A83DBA0D1}">
      <dsp:nvSpPr>
        <dsp:cNvPr id="0" name=""/>
        <dsp:cNvSpPr/>
      </dsp:nvSpPr>
      <dsp:spPr>
        <a:xfrm>
          <a:off x="161137" y="786959"/>
          <a:ext cx="292976" cy="292976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1D817E3-0D41-4817-A71A-4968681B118B}">
      <dsp:nvSpPr>
        <dsp:cNvPr id="0" name=""/>
        <dsp:cNvSpPr/>
      </dsp:nvSpPr>
      <dsp:spPr>
        <a:xfrm>
          <a:off x="615250" y="667105"/>
          <a:ext cx="10345986" cy="53268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376" tIns="56376" rIns="56376" bIns="56376" numCol="1" spcCol="1270" anchor="ctr" anchorCtr="0">
          <a:noAutofit/>
        </a:bodyPr>
        <a:lstStyle/>
        <a:p>
          <a:pPr marL="0" lvl="0" indent="0" algn="l" defTabSz="8445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 dirty="0"/>
            <a:t>Nedsættelse af arbejdsgruppe på SDU. </a:t>
          </a:r>
          <a:endParaRPr lang="en-US" sz="1900" kern="1200" dirty="0"/>
        </a:p>
      </dsp:txBody>
      <dsp:txXfrm>
        <a:off x="615250" y="667105"/>
        <a:ext cx="10345986" cy="532684"/>
      </dsp:txXfrm>
    </dsp:sp>
    <dsp:sp modelId="{76EFCC0C-4473-43AE-AA32-FFA688DD28F3}">
      <dsp:nvSpPr>
        <dsp:cNvPr id="0" name=""/>
        <dsp:cNvSpPr/>
      </dsp:nvSpPr>
      <dsp:spPr>
        <a:xfrm>
          <a:off x="0" y="1332961"/>
          <a:ext cx="10961237" cy="532684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E9B41BFA-7E99-4F22-940A-92F54F8C38ED}">
      <dsp:nvSpPr>
        <dsp:cNvPr id="0" name=""/>
        <dsp:cNvSpPr/>
      </dsp:nvSpPr>
      <dsp:spPr>
        <a:xfrm>
          <a:off x="161137" y="1452815"/>
          <a:ext cx="292976" cy="292976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1A4C2F32-F5E7-4E7E-8C2C-BA07C18983D8}">
      <dsp:nvSpPr>
        <dsp:cNvPr id="0" name=""/>
        <dsp:cNvSpPr/>
      </dsp:nvSpPr>
      <dsp:spPr>
        <a:xfrm>
          <a:off x="615250" y="1332961"/>
          <a:ext cx="10345986" cy="53268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376" tIns="56376" rIns="56376" bIns="56376" numCol="1" spcCol="1270" anchor="ctr" anchorCtr="0">
          <a:noAutofit/>
        </a:bodyPr>
        <a:lstStyle/>
        <a:p>
          <a:pPr marL="0" lvl="0" indent="0" algn="l" defTabSz="8445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 dirty="0"/>
            <a:t>Undersøgelse af markedet. </a:t>
          </a:r>
          <a:endParaRPr lang="en-US" sz="1900" kern="1200" dirty="0"/>
        </a:p>
      </dsp:txBody>
      <dsp:txXfrm>
        <a:off x="615250" y="1332961"/>
        <a:ext cx="10345986" cy="532684"/>
      </dsp:txXfrm>
    </dsp:sp>
    <dsp:sp modelId="{3BDC149A-645A-49F9-8512-4C9F2DC4F3D0}">
      <dsp:nvSpPr>
        <dsp:cNvPr id="0" name=""/>
        <dsp:cNvSpPr/>
      </dsp:nvSpPr>
      <dsp:spPr>
        <a:xfrm>
          <a:off x="0" y="1998816"/>
          <a:ext cx="10961237" cy="532684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624D15B-47F9-4BCA-957A-E2112BAABE03}">
      <dsp:nvSpPr>
        <dsp:cNvPr id="0" name=""/>
        <dsp:cNvSpPr/>
      </dsp:nvSpPr>
      <dsp:spPr>
        <a:xfrm>
          <a:off x="161137" y="2118670"/>
          <a:ext cx="292976" cy="292976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325314F-7E91-476B-AC5B-F922D4ADCFEC}">
      <dsp:nvSpPr>
        <dsp:cNvPr id="0" name=""/>
        <dsp:cNvSpPr/>
      </dsp:nvSpPr>
      <dsp:spPr>
        <a:xfrm>
          <a:off x="615250" y="1998816"/>
          <a:ext cx="10345986" cy="53268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376" tIns="56376" rIns="56376" bIns="56376" numCol="1" spcCol="1270" anchor="ctr" anchorCtr="0">
          <a:noAutofit/>
        </a:bodyPr>
        <a:lstStyle/>
        <a:p>
          <a:pPr marL="0" lvl="0" indent="0" algn="l" defTabSz="8445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 dirty="0"/>
            <a:t>Valg af system. </a:t>
          </a:r>
          <a:endParaRPr lang="en-US" sz="1900" kern="1200" dirty="0"/>
        </a:p>
      </dsp:txBody>
      <dsp:txXfrm>
        <a:off x="615250" y="1998816"/>
        <a:ext cx="10345986" cy="532684"/>
      </dsp:txXfrm>
    </dsp:sp>
    <dsp:sp modelId="{2147313D-32A7-448B-BD28-2C71F395F94A}">
      <dsp:nvSpPr>
        <dsp:cNvPr id="0" name=""/>
        <dsp:cNvSpPr/>
      </dsp:nvSpPr>
      <dsp:spPr>
        <a:xfrm>
          <a:off x="0" y="2664672"/>
          <a:ext cx="10961237" cy="532684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FD333FEE-60DF-495A-BF4A-588C6C1364CE}">
      <dsp:nvSpPr>
        <dsp:cNvPr id="0" name=""/>
        <dsp:cNvSpPr/>
      </dsp:nvSpPr>
      <dsp:spPr>
        <a:xfrm>
          <a:off x="161137" y="2784526"/>
          <a:ext cx="292976" cy="292976"/>
        </a:xfrm>
        <a:prstGeom prst="rect">
          <a:avLst/>
        </a:prstGeom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60C214A-A0AA-4BDE-87EB-550C37810F1B}">
      <dsp:nvSpPr>
        <dsp:cNvPr id="0" name=""/>
        <dsp:cNvSpPr/>
      </dsp:nvSpPr>
      <dsp:spPr>
        <a:xfrm>
          <a:off x="615250" y="2664672"/>
          <a:ext cx="10345986" cy="53268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376" tIns="56376" rIns="56376" bIns="56376" numCol="1" spcCol="1270" anchor="ctr" anchorCtr="0">
          <a:noAutofit/>
        </a:bodyPr>
        <a:lstStyle/>
        <a:p>
          <a:pPr marL="0" lvl="0" indent="0" algn="l" defTabSz="8445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 dirty="0"/>
            <a:t>Indledende møde med leverandør. </a:t>
          </a:r>
          <a:endParaRPr lang="en-US" sz="1900" kern="1200" dirty="0"/>
        </a:p>
      </dsp:txBody>
      <dsp:txXfrm>
        <a:off x="615250" y="2664672"/>
        <a:ext cx="10345986" cy="532684"/>
      </dsp:txXfrm>
    </dsp:sp>
    <dsp:sp modelId="{F2A277E8-EE7D-4263-BCEB-3071DE6CCD6C}">
      <dsp:nvSpPr>
        <dsp:cNvPr id="0" name=""/>
        <dsp:cNvSpPr/>
      </dsp:nvSpPr>
      <dsp:spPr>
        <a:xfrm>
          <a:off x="0" y="3330527"/>
          <a:ext cx="10961237" cy="532684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DEAA4579-04E2-4AB7-89D6-01EEFCDB2C1A}">
      <dsp:nvSpPr>
        <dsp:cNvPr id="0" name=""/>
        <dsp:cNvSpPr/>
      </dsp:nvSpPr>
      <dsp:spPr>
        <a:xfrm>
          <a:off x="161137" y="3450381"/>
          <a:ext cx="292976" cy="292976"/>
        </a:xfrm>
        <a:prstGeom prst="rect">
          <a:avLst/>
        </a:prstGeom>
        <a:blipFill>
          <a:blip xmlns:r="http://schemas.openxmlformats.org/officeDocument/2006/relationships"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75B22AA-498F-4019-B0CE-AC77BB3FBB74}">
      <dsp:nvSpPr>
        <dsp:cNvPr id="0" name=""/>
        <dsp:cNvSpPr/>
      </dsp:nvSpPr>
      <dsp:spPr>
        <a:xfrm>
          <a:off x="615250" y="3330527"/>
          <a:ext cx="10345986" cy="53268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6376" tIns="56376" rIns="56376" bIns="56376" numCol="1" spcCol="1270" anchor="ctr" anchorCtr="0">
          <a:noAutofit/>
        </a:bodyPr>
        <a:lstStyle/>
        <a:p>
          <a:pPr marL="0" lvl="0" indent="0" algn="l" defTabSz="8445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 dirty="0"/>
            <a:t>Tilbud på system. </a:t>
          </a:r>
          <a:endParaRPr lang="en-US" sz="1900" kern="1200" dirty="0"/>
        </a:p>
      </dsp:txBody>
      <dsp:txXfrm>
        <a:off x="615250" y="3330527"/>
        <a:ext cx="10345986" cy="532684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1039013-11BE-40AE-9442-4F5AED9B5455}">
      <dsp:nvSpPr>
        <dsp:cNvPr id="0" name=""/>
        <dsp:cNvSpPr/>
      </dsp:nvSpPr>
      <dsp:spPr>
        <a:xfrm>
          <a:off x="0" y="3019"/>
          <a:ext cx="10961237" cy="643070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E1512DCD-F480-48C9-A6B5-54DF6CC8642C}">
      <dsp:nvSpPr>
        <dsp:cNvPr id="0" name=""/>
        <dsp:cNvSpPr/>
      </dsp:nvSpPr>
      <dsp:spPr>
        <a:xfrm>
          <a:off x="194528" y="147710"/>
          <a:ext cx="353688" cy="353688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E328FC5-169B-43EF-98BC-9DA1F6601A1E}">
      <dsp:nvSpPr>
        <dsp:cNvPr id="0" name=""/>
        <dsp:cNvSpPr/>
      </dsp:nvSpPr>
      <dsp:spPr>
        <a:xfrm>
          <a:off x="742746" y="3019"/>
          <a:ext cx="10218490" cy="6430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058" tIns="68058" rIns="68058" bIns="68058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/>
            <a:t>Besparelser på tidsforbrug på lageret.</a:t>
          </a:r>
          <a:endParaRPr lang="en-US" sz="1900" kern="1200"/>
        </a:p>
      </dsp:txBody>
      <dsp:txXfrm>
        <a:off x="742746" y="3019"/>
        <a:ext cx="10218490" cy="643070"/>
      </dsp:txXfrm>
    </dsp:sp>
    <dsp:sp modelId="{97759BFF-6DCC-4EA4-BAD5-650304369F4D}">
      <dsp:nvSpPr>
        <dsp:cNvPr id="0" name=""/>
        <dsp:cNvSpPr/>
      </dsp:nvSpPr>
      <dsp:spPr>
        <a:xfrm>
          <a:off x="0" y="806857"/>
          <a:ext cx="10961237" cy="643070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DD3715A7-7567-4DFD-830D-668E90E91CFE}">
      <dsp:nvSpPr>
        <dsp:cNvPr id="0" name=""/>
        <dsp:cNvSpPr/>
      </dsp:nvSpPr>
      <dsp:spPr>
        <a:xfrm>
          <a:off x="194528" y="951548"/>
          <a:ext cx="353688" cy="353688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2F3DF9D-4989-4525-AB0E-D26D5D156418}">
      <dsp:nvSpPr>
        <dsp:cNvPr id="0" name=""/>
        <dsp:cNvSpPr/>
      </dsp:nvSpPr>
      <dsp:spPr>
        <a:xfrm>
          <a:off x="742746" y="806857"/>
          <a:ext cx="10218490" cy="6430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058" tIns="68058" rIns="68058" bIns="68058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/>
            <a:t>Besparelser mht. svind på lageret.</a:t>
          </a:r>
          <a:endParaRPr lang="en-US" sz="1900" kern="1200"/>
        </a:p>
      </dsp:txBody>
      <dsp:txXfrm>
        <a:off x="742746" y="806857"/>
        <a:ext cx="10218490" cy="643070"/>
      </dsp:txXfrm>
    </dsp:sp>
    <dsp:sp modelId="{32B09A65-C1BB-4269-BF77-7A7E112B659A}">
      <dsp:nvSpPr>
        <dsp:cNvPr id="0" name=""/>
        <dsp:cNvSpPr/>
      </dsp:nvSpPr>
      <dsp:spPr>
        <a:xfrm>
          <a:off x="0" y="1610695"/>
          <a:ext cx="10961237" cy="643070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CF625F3C-0635-4BD7-9341-4684B86613A8}">
      <dsp:nvSpPr>
        <dsp:cNvPr id="0" name=""/>
        <dsp:cNvSpPr/>
      </dsp:nvSpPr>
      <dsp:spPr>
        <a:xfrm>
          <a:off x="194528" y="1755386"/>
          <a:ext cx="353688" cy="353688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4F6826A-5C5F-40A3-8545-8F96547818A7}">
      <dsp:nvSpPr>
        <dsp:cNvPr id="0" name=""/>
        <dsp:cNvSpPr/>
      </dsp:nvSpPr>
      <dsp:spPr>
        <a:xfrm>
          <a:off x="742746" y="1610695"/>
          <a:ext cx="10218490" cy="6430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058" tIns="68058" rIns="68058" bIns="68058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 dirty="0"/>
            <a:t>Besparelser på optimering af indkøb ved øget valid forbrugsdata. </a:t>
          </a:r>
          <a:endParaRPr lang="en-US" sz="1900" kern="1200" dirty="0"/>
        </a:p>
      </dsp:txBody>
      <dsp:txXfrm>
        <a:off x="742746" y="1610695"/>
        <a:ext cx="10218490" cy="643070"/>
      </dsp:txXfrm>
    </dsp:sp>
    <dsp:sp modelId="{17E5C357-B3D4-4E38-B475-96A523B72090}">
      <dsp:nvSpPr>
        <dsp:cNvPr id="0" name=""/>
        <dsp:cNvSpPr/>
      </dsp:nvSpPr>
      <dsp:spPr>
        <a:xfrm>
          <a:off x="0" y="2414533"/>
          <a:ext cx="10961237" cy="643070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395D002F-7979-4B26-90E2-CF315B34CD37}">
      <dsp:nvSpPr>
        <dsp:cNvPr id="0" name=""/>
        <dsp:cNvSpPr/>
      </dsp:nvSpPr>
      <dsp:spPr>
        <a:xfrm>
          <a:off x="194528" y="2559224"/>
          <a:ext cx="353688" cy="353688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4C4F086-F5A2-4F86-9C01-F756CEA3DA84}">
      <dsp:nvSpPr>
        <dsp:cNvPr id="0" name=""/>
        <dsp:cNvSpPr/>
      </dsp:nvSpPr>
      <dsp:spPr>
        <a:xfrm>
          <a:off x="742746" y="2414533"/>
          <a:ext cx="10218490" cy="6430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058" tIns="68058" rIns="68058" bIns="68058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/>
            <a:t>Besparelser på sigt ved bedre udnyttelse af arealer.</a:t>
          </a:r>
          <a:endParaRPr lang="en-US" sz="1900" kern="1200"/>
        </a:p>
      </dsp:txBody>
      <dsp:txXfrm>
        <a:off x="742746" y="2414533"/>
        <a:ext cx="10218490" cy="643070"/>
      </dsp:txXfrm>
    </dsp:sp>
    <dsp:sp modelId="{F1399EE3-F07A-46C0-961C-9BBED13D21C8}">
      <dsp:nvSpPr>
        <dsp:cNvPr id="0" name=""/>
        <dsp:cNvSpPr/>
      </dsp:nvSpPr>
      <dsp:spPr>
        <a:xfrm>
          <a:off x="0" y="3218372"/>
          <a:ext cx="10961237" cy="643070"/>
        </a:xfrm>
        <a:prstGeom prst="roundRect">
          <a:avLst>
            <a:gd name="adj" fmla="val 10000"/>
          </a:avLst>
        </a:prstGeom>
        <a:solidFill>
          <a:schemeClr val="accent2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BC160377-A708-4BF3-8049-A9CC6D8384AF}">
      <dsp:nvSpPr>
        <dsp:cNvPr id="0" name=""/>
        <dsp:cNvSpPr/>
      </dsp:nvSpPr>
      <dsp:spPr>
        <a:xfrm>
          <a:off x="194528" y="3363063"/>
          <a:ext cx="353688" cy="353688"/>
        </a:xfrm>
        <a:prstGeom prst="rect">
          <a:avLst/>
        </a:prstGeom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7C2D8C6-CF9E-473F-B33D-5470491C1FC9}">
      <dsp:nvSpPr>
        <dsp:cNvPr id="0" name=""/>
        <dsp:cNvSpPr/>
      </dsp:nvSpPr>
      <dsp:spPr>
        <a:xfrm>
          <a:off x="742746" y="3218372"/>
          <a:ext cx="10218490" cy="6430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058" tIns="68058" rIns="68058" bIns="68058" numCol="1" spcCol="1270" anchor="ctr" anchorCtr="0">
          <a:noAutofit/>
        </a:bodyPr>
        <a:lstStyle/>
        <a:p>
          <a:pPr marL="0" lvl="0" indent="0" algn="l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/>
            <a:t>Estimering af mulige besparelser ved skalering af system på andre områder af SDU.  </a:t>
          </a:r>
          <a:endParaRPr lang="en-US" sz="1900" kern="1200"/>
        </a:p>
      </dsp:txBody>
      <dsp:txXfrm>
        <a:off x="742746" y="3218372"/>
        <a:ext cx="10218490" cy="643070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5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8" name="TextBox 2">
            <a:extLst>
              <a:ext uri="{FF2B5EF4-FFF2-40B4-BE49-F238E27FC236}">
                <a16:creationId xmlns:a16="http://schemas.microsoft.com/office/drawing/2014/main" id="{1FCD2DA3-F13B-6E3D-22B8-1D942381D88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F0D18F-ED60-8786-9AF6-AEB4D58F2FF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1760373"/>
            <a:ext cx="10069011" cy="4070408"/>
          </a:xfrm>
        </p:spPr>
        <p:txBody>
          <a:bodyPr anchor="t">
            <a:normAutofit/>
          </a:bodyPr>
          <a:lstStyle/>
          <a:p>
            <a:r>
              <a:rPr lang="da-DK" sz="7300"/>
              <a:t>A</a:t>
            </a:r>
            <a:r>
              <a:rPr lang="da-DK" sz="7300">
                <a:effectLst/>
              </a:rPr>
              <a:t>rbejdede med Business-case i lagerstyringsprojektet </a:t>
            </a:r>
            <a:endParaRPr lang="da-DK" sz="730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272DD65-4C96-6BF4-B43D-050D16352A1F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88D7F565-DEE9-4CB0-825B-705CAE485C6C}" type="datetime1">
              <a:rPr lang="da-DK" smtClean="0"/>
              <a:pPr>
                <a:spcAft>
                  <a:spcPts val="600"/>
                </a:spcAft>
              </a:pPr>
              <a:t>25-05-2023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296D01E-F921-33A5-6724-0BBCEF3A2D8C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1581838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4922217-E9A9-3F6F-D743-8A4BB6A267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usiness Case.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B73AAF91-55CB-9A92-3A1D-30D25A235823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1930386" y="1989138"/>
            <a:ext cx="9442014" cy="4604644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0FE62F3-C097-254C-322D-A6CAC8D295D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D64281B-16F6-49B4-B300-0B3499D56BB8}" type="datetime1">
              <a:rPr lang="da-DK" smtClean="0"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6FF4DB1-A1AE-0C74-DCC9-409D684ACF7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1090858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EECDC2-E4D3-EEED-3671-EB69D4FBC9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rojektomkostninger.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BEFCFA80-B7EF-D5AF-8745-5173BE74F891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526774" y="1989138"/>
            <a:ext cx="11379429" cy="4361966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0D65835-FCBF-04C5-C93C-0F8A4CE1DA6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87565E5-F290-4E60-AD88-AC5C67EB2AF7}" type="datetime1">
              <a:rPr lang="da-DK" smtClean="0"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E3E21A6-9F38-10D9-2A1C-2CCCFFEFE94C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6507343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35DD4D6D-8B56-D9C2-2342-FE42281A077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/>
          <a:lstStyle/>
          <a:p>
            <a:r>
              <a:rPr lang="en-US" sz="2400" dirty="0" err="1"/>
              <a:t>Estimering</a:t>
            </a:r>
            <a:r>
              <a:rPr lang="en-US" sz="2400" dirty="0"/>
              <a:t> af </a:t>
            </a:r>
            <a:r>
              <a:rPr lang="en-US" sz="2400" dirty="0" err="1"/>
              <a:t>omkostningernes</a:t>
            </a:r>
            <a:r>
              <a:rPr lang="en-US" sz="2400" dirty="0"/>
              <a:t> </a:t>
            </a:r>
            <a:r>
              <a:rPr lang="en-US" sz="2400" dirty="0" err="1"/>
              <a:t>usikkerhed</a:t>
            </a:r>
            <a:endParaRPr lang="en-US" sz="2400" dirty="0"/>
          </a:p>
        </p:txBody>
      </p:sp>
      <p:pic>
        <p:nvPicPr>
          <p:cNvPr id="7" name="Content Placeholder 6" descr="A screenshot of a computer&#10;&#10;Description automatically generated with medium confidence">
            <a:extLst>
              <a:ext uri="{FF2B5EF4-FFF2-40B4-BE49-F238E27FC236}">
                <a16:creationId xmlns:a16="http://schemas.microsoft.com/office/drawing/2014/main" id="{F36D5CDA-AEA7-B2E8-6810-F4D37A316FB4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1968088" y="1965291"/>
            <a:ext cx="9123982" cy="4493561"/>
          </a:xfrm>
          <a:noFill/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9B3750B-014B-FE28-61BD-0E5D6C8B75A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52A5D3EE-ED52-45C9-BD88-31A443C91591}" type="datetime1">
              <a:rPr lang="da-DK" smtClean="0"/>
              <a:pPr>
                <a:spcAft>
                  <a:spcPts val="600"/>
                </a:spcAft>
              </a:pPr>
              <a:t>25-05-2023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CEC83CD-FA26-C269-0AD7-7F329C301F8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1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21902516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E757BFA-840C-B92D-3898-6A84D071700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Økonomiske gevinster. 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7ABAB36D-A9D3-3BE1-9215-2C06EF3A806D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546652" y="1989138"/>
            <a:ext cx="10515599" cy="3863975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AE54D72-222A-9785-3686-321BB9E027A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EC5FE486-A9B5-47A4-A707-3F12027BC22F}" type="datetime1">
              <a:rPr lang="da-DK" smtClean="0"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096E371-6180-A4E8-132C-97715BC7FED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5574145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697CBB87-C038-9EB0-038E-3947549963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/>
          <a:lstStyle/>
          <a:p>
            <a:r>
              <a:rPr lang="en-US" dirty="0" err="1"/>
              <a:t>Statusrapport</a:t>
            </a:r>
            <a:r>
              <a:rPr lang="en-US" dirty="0"/>
              <a:t>.</a:t>
            </a:r>
            <a:br>
              <a:rPr lang="en-US" dirty="0"/>
            </a:br>
            <a:endParaRPr lang="en-US" sz="2800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9EDF2ABC-3EE9-B96A-1FB5-FC42E02B3FBD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2516705" y="1989138"/>
            <a:ext cx="8207617" cy="4698860"/>
          </a:xfrm>
          <a:noFill/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AA3A152-6F72-D4C9-5BA8-8734DBE5AE0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B71A5435-38D1-4039-B79B-C515A6CA5719}" type="datetime1">
              <a:rPr lang="da-DK" smtClean="0"/>
              <a:pPr>
                <a:spcAft>
                  <a:spcPts val="600"/>
                </a:spcAft>
              </a:pPr>
              <a:t>25-05-2023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C5ED73-B4DE-6540-D7DA-5424C3C1C2A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1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5016440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13832A7-BCCD-9C08-C5FA-CA81140632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pfølgning på business case i statusrapporten. 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D81BB760-D30C-2480-8C0B-20FC0DA3CA1D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721226" y="1989138"/>
            <a:ext cx="10341560" cy="3863975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FAAC8E-9223-D3BD-0C6E-2B433CB3A37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D1211235-8F2F-482D-9A4C-86BA65A5A2DD}" type="datetime1">
              <a:rPr lang="da-DK" smtClean="0"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6037D-7AAA-0F7E-A79C-6DF8C49A882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3579065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5560B4-1930-D035-DD24-0A3373D4E5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000" dirty="0"/>
              <a:t>Opsummering af Business case i sidste statusrapport, overblik over om de endelige udgifter har stemt overens med de i projektgrundlaget anførte udgifter. 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AAB8BC9E-17DA-26CA-083B-FC6615E3AF00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6423335" y="2758937"/>
            <a:ext cx="4324350" cy="2571750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72D02F8-E527-B9B2-798C-6E34DCC85CA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1F6FF5F-0585-43FE-A09D-D58E968A2CDD}" type="datetime1">
              <a:rPr lang="da-DK" smtClean="0"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E7152D-A3C2-6FF2-D03E-BDF9EFE2751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6</a:t>
            </a:fld>
            <a:endParaRPr lang="da-DK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ECB14343-3D7A-F095-1DE9-2D533D674FA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10400" y="2758937"/>
            <a:ext cx="4886325" cy="255270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E5C95A88-9D29-5E83-6FDE-94E6C06BAA5B}"/>
              </a:ext>
            </a:extLst>
          </p:cNvPr>
          <p:cNvSpPr txBox="1"/>
          <p:nvPr/>
        </p:nvSpPr>
        <p:spPr>
          <a:xfrm>
            <a:off x="795130" y="2274177"/>
            <a:ext cx="388620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Forventede udgifter indført i BC.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FD6A12F-673D-ADED-512C-E3AE28673161}"/>
              </a:ext>
            </a:extLst>
          </p:cNvPr>
          <p:cNvSpPr txBox="1"/>
          <p:nvPr/>
        </p:nvSpPr>
        <p:spPr>
          <a:xfrm flipH="1">
            <a:off x="6629464" y="2274177"/>
            <a:ext cx="400043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Endelige udgifter ved projektafslutning.</a:t>
            </a:r>
          </a:p>
        </p:txBody>
      </p:sp>
    </p:spTree>
    <p:extLst>
      <p:ext uri="{BB962C8B-B14F-4D97-AF65-F5344CB8AC3E}">
        <p14:creationId xmlns:p14="http://schemas.microsoft.com/office/powerpoint/2010/main" val="53538336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642EA69-E3F6-D08D-2F26-FC1F4CA1B9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Business case skabelon indeholder opfølgningsark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47465011-A7B0-27DA-C216-630DFCDA4AB9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795846" y="1893456"/>
            <a:ext cx="8244173" cy="3280208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F8C181D-ADAA-45C5-6F94-888F5E0E7DF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1DC695C-7C11-4624-90BF-2AFF5B2903D4}" type="datetime1">
              <a:rPr lang="da-DK" smtClean="0"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6624EF2-6569-9AB0-E841-185E6503C0F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7</a:t>
            </a:fld>
            <a:endParaRPr lang="da-DK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2A33363-0B47-7637-ADA7-1BB26E3D21B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90010" y="5238319"/>
            <a:ext cx="3912899" cy="2571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551575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A2E696-4A2D-1890-AC12-63CCBD64B4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dirty="0"/>
              <a:t>Erkendelse af behov.	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DB6525-0100-72B6-EB4A-28B27018FAD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CCAF0068-6FEA-4138-8AF7-277E4FA00894}" type="datetime1">
              <a:rPr lang="da-DK" smtClean="0"/>
              <a:pPr>
                <a:spcAft>
                  <a:spcPts val="600"/>
                </a:spcAft>
              </a:pPr>
              <a:t>25-05-2023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A67717D-28AE-0D2D-888F-57938BBDCAA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2</a:t>
            </a:fld>
            <a:endParaRPr lang="da-DK"/>
          </a:p>
        </p:txBody>
      </p:sp>
      <p:graphicFrame>
        <p:nvGraphicFramePr>
          <p:cNvPr id="9" name="Content Placeholder 2">
            <a:extLst>
              <a:ext uri="{FF2B5EF4-FFF2-40B4-BE49-F238E27FC236}">
                <a16:creationId xmlns:a16="http://schemas.microsoft.com/office/drawing/2014/main" id="{D02F68EE-2CD9-6FBA-6E9A-EFDCEB78E87F}"/>
              </a:ext>
            </a:extLst>
          </p:cNvPr>
          <p:cNvGraphicFramePr>
            <a:graphicFrameLocks noGrp="1"/>
          </p:cNvGraphicFramePr>
          <p:nvPr>
            <p:ph sz="quarter" idx="19"/>
            <p:extLst>
              <p:ext uri="{D42A27DB-BD31-4B8C-83A1-F6EECF244321}">
                <p14:modId xmlns:p14="http://schemas.microsoft.com/office/powerpoint/2010/main" val="3138573031"/>
              </p:ext>
            </p:extLst>
          </p:nvPr>
        </p:nvGraphicFramePr>
        <p:xfrm>
          <a:off x="411163" y="1989138"/>
          <a:ext cx="10961237" cy="38644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5900645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887094-3A49-D145-F93A-4E49AB9AC8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inansieringsbehov.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5412F304-034D-6500-E989-C868677C9C3F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1376218" y="1989138"/>
            <a:ext cx="9291781" cy="3863975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BAE12E7-598F-D249-8809-B5D8F5DDAA5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E8F7FD79-C281-45C4-A6DB-989760E73D82}" type="datetime1">
              <a:rPr lang="da-DK" smtClean="0"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7C9EDDA-5C41-255F-345D-86C0380E7CE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2096847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9F6CBA-0105-8564-99F2-431053093E1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darbejdelse af projektgrundlag.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474E4AE4-E96B-175E-BBE5-768E481ADC19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546652" y="1989138"/>
            <a:ext cx="10286999" cy="3863975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FEF7D92-A399-C208-07F1-7C84CB0668B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11E8BD75-D39F-4B10-A412-2731C3321D4D}" type="datetime1">
              <a:rPr lang="da-DK" smtClean="0"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0740A10-3657-9446-7B13-8CC577D7E0E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553456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AB0694B-DC2B-FAC5-24E0-1A5B657CEE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dirty="0"/>
              <a:t>Basis for business case. 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1AC6523-0D5A-448B-6257-80F3BAB7925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02877" y="1989138"/>
            <a:ext cx="6577809" cy="3864462"/>
          </a:xfrm>
          <a:prstGeom prst="rect">
            <a:avLst/>
          </a:prstGeom>
          <a:noFill/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0BB52D4-D4C7-5571-8CE5-3B3C776704C6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FF457BFE-42A8-4DCB-8558-B428A99D71DC}" type="datetime1">
              <a:rPr lang="da-DK" smtClean="0"/>
              <a:pPr>
                <a:spcAft>
                  <a:spcPts val="600"/>
                </a:spcAft>
              </a:pPr>
              <a:t>25-05-2023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E7F6B09-E6BC-3130-D1CB-583410E6ACB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9889192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E2A7F826-D3E6-2337-CB3B-F1CD0B0E2F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en-US" dirty="0" err="1"/>
              <a:t>Forberedelse</a:t>
            </a:r>
            <a:r>
              <a:rPr lang="en-US" dirty="0"/>
              <a:t> </a:t>
            </a:r>
            <a:r>
              <a:rPr lang="en-US" dirty="0" err="1"/>
              <a:t>til</a:t>
            </a:r>
            <a:r>
              <a:rPr lang="en-US" dirty="0"/>
              <a:t> </a:t>
            </a:r>
            <a:r>
              <a:rPr lang="en-US" dirty="0" err="1"/>
              <a:t>udarbejdelse</a:t>
            </a:r>
            <a:r>
              <a:rPr lang="en-US" dirty="0"/>
              <a:t> af business case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44DFF911-7A79-982A-AF7E-D1A3056062C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1490" y="1989138"/>
            <a:ext cx="10660583" cy="3864462"/>
          </a:xfrm>
          <a:prstGeom prst="rect">
            <a:avLst/>
          </a:prstGeom>
          <a:noFill/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279DFA1-7E1C-1D19-EF17-9D0294F65DA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DE7EE49E-AA46-449E-9A65-B12926AD3772}" type="datetime1">
              <a:rPr lang="da-DK" smtClean="0"/>
              <a:pPr>
                <a:spcAft>
                  <a:spcPts val="600"/>
                </a:spcAft>
              </a:pPr>
              <a:t>25-05-202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559227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A6F3268E-3DEA-55F1-D7CF-9657DBBBD7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/>
          <a:lstStyle/>
          <a:p>
            <a:r>
              <a:rPr lang="en-US" sz="2800" dirty="0" err="1"/>
              <a:t>Indsamling</a:t>
            </a:r>
            <a:r>
              <a:rPr lang="en-US" sz="2800" dirty="0"/>
              <a:t> af data </a:t>
            </a:r>
            <a:r>
              <a:rPr lang="en-US" sz="2800" dirty="0" err="1"/>
              <a:t>til</a:t>
            </a:r>
            <a:r>
              <a:rPr lang="en-US" sz="2800" dirty="0"/>
              <a:t> business </a:t>
            </a:r>
            <a:r>
              <a:rPr lang="en-US" sz="2800" dirty="0" err="1"/>
              <a:t>casen</a:t>
            </a:r>
            <a:r>
              <a:rPr lang="en-US" sz="2800" dirty="0"/>
              <a:t>.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723D3FBF-1EAD-D560-15C1-068041849026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411163" y="2153870"/>
            <a:ext cx="10961237" cy="3534997"/>
          </a:xfrm>
          <a:noFill/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8A8DA1F-890A-B3A0-D0F4-27DF717A5BF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5E0FB394-37AF-467A-A03F-5FDF4C8CDFAE}" type="datetime1">
              <a:rPr lang="da-DK" smtClean="0"/>
              <a:pPr>
                <a:spcAft>
                  <a:spcPts val="600"/>
                </a:spcAft>
              </a:pPr>
              <a:t>25-05-2023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371E204-4055-1B11-1018-8BC70C17F8B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7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3657611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0F92FB2-D388-31FA-FB00-3F22F78A773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Gevinstkortlægning.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7C059F28-E402-676A-2B7C-5EA5367B0DE1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410401" y="1989138"/>
            <a:ext cx="10387036" cy="4582711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21441C5-77B6-F7BC-8B63-15198E927EF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1A24E28-2425-43A2-B52C-68123964FB37}" type="datetime1">
              <a:rPr lang="da-DK" smtClean="0"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6CA018D-78EF-A628-E6D2-5D5189108BE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2859742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36ABFE-892F-5DCF-981C-1EF1BF6C5D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sz="2500"/>
              <a:t>Beregninger af besparelser til brug i BC ud fra gevinstkortlægning.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0E9D204-184C-A3C9-553E-0EDEDAE12C9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5C871F15-6E50-4855-9792-461A40701985}" type="datetime1">
              <a:rPr lang="da-DK" smtClean="0"/>
              <a:pPr>
                <a:spcAft>
                  <a:spcPts val="600"/>
                </a:spcAft>
              </a:pPr>
              <a:t>25-05-2023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328774C-1540-4897-2A0C-DB16EB41334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9</a:t>
            </a:fld>
            <a:endParaRPr lang="da-DK"/>
          </a:p>
        </p:txBody>
      </p:sp>
      <p:graphicFrame>
        <p:nvGraphicFramePr>
          <p:cNvPr id="7" name="Content Placeholder 2">
            <a:extLst>
              <a:ext uri="{FF2B5EF4-FFF2-40B4-BE49-F238E27FC236}">
                <a16:creationId xmlns:a16="http://schemas.microsoft.com/office/drawing/2014/main" id="{2A1BBC9A-6B6E-AD58-78F4-F211B702DE93}"/>
              </a:ext>
            </a:extLst>
          </p:cNvPr>
          <p:cNvGraphicFramePr>
            <a:graphicFrameLocks noGrp="1"/>
          </p:cNvGraphicFramePr>
          <p:nvPr>
            <p:ph sz="quarter" idx="19"/>
            <p:extLst>
              <p:ext uri="{D42A27DB-BD31-4B8C-83A1-F6EECF244321}">
                <p14:modId xmlns:p14="http://schemas.microsoft.com/office/powerpoint/2010/main" val="3498197010"/>
              </p:ext>
            </p:extLst>
          </p:nvPr>
        </p:nvGraphicFramePr>
        <p:xfrm>
          <a:off x="411163" y="1989138"/>
          <a:ext cx="10961237" cy="386446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644314780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blank","templateDescription":"","enableDocumentContentUpdater":tru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C5CD5A01-6378-494D-B71B-D23DEC9A12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219</Words>
  <Application>Microsoft Office PowerPoint</Application>
  <PresentationFormat>Widescreen</PresentationFormat>
  <Paragraphs>63</Paragraphs>
  <Slides>1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0" baseType="lpstr">
      <vt:lpstr>Arial</vt:lpstr>
      <vt:lpstr>Wingdings</vt:lpstr>
      <vt:lpstr>Blank</vt:lpstr>
      <vt:lpstr>Arbejdede med Business-case i lagerstyringsprojektet </vt:lpstr>
      <vt:lpstr>Erkendelse af behov. </vt:lpstr>
      <vt:lpstr>Finansieringsbehov.</vt:lpstr>
      <vt:lpstr>Udarbejdelse af projektgrundlag.</vt:lpstr>
      <vt:lpstr>Basis for business case. </vt:lpstr>
      <vt:lpstr>Forberedelse til udarbejdelse af business case.</vt:lpstr>
      <vt:lpstr>Indsamling af data til business casen.</vt:lpstr>
      <vt:lpstr>Gevinstkortlægning.</vt:lpstr>
      <vt:lpstr>Beregninger af besparelser til brug i BC ud fra gevinstkortlægning.</vt:lpstr>
      <vt:lpstr>Business Case.</vt:lpstr>
      <vt:lpstr>Projektomkostninger.</vt:lpstr>
      <vt:lpstr>Estimering af omkostningernes usikkerhed</vt:lpstr>
      <vt:lpstr>Økonomiske gevinster. </vt:lpstr>
      <vt:lpstr>Statusrapport. </vt:lpstr>
      <vt:lpstr>Opfølgning på business case i statusrapporten. </vt:lpstr>
      <vt:lpstr>Opsummering af Business case i sidste statusrapport, overblik over om de endelige udgifter har stemt overens med de i projektgrundlaget anførte udgifter. </vt:lpstr>
      <vt:lpstr>Business case skabelon indeholder opfølgningsark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5-20T18:46:40Z</dcterms:created>
  <dcterms:modified xsi:type="dcterms:W3CDTF">2023-05-25T13:45:4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4T06:37:46</vt:lpwstr>
  </property>
  <property fmtid="{D5CDD505-2E9C-101B-9397-08002B2CF9AE}" pid="3" name="TemplafyTenantId">
    <vt:lpwstr>sdu</vt:lpwstr>
  </property>
  <property fmtid="{D5CDD505-2E9C-101B-9397-08002B2CF9AE}" pid="4" name="TemplafyTemplateId">
    <vt:lpwstr>637925134655816945</vt:lpwstr>
  </property>
  <property fmtid="{D5CDD505-2E9C-101B-9397-08002B2CF9AE}" pid="5" name="TemplafyUserProfileId">
    <vt:lpwstr>637830426016351872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